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5581\Desktop\工業技術検証制度運営委員会\02_第1回運営委員会・学校担当者会\3_顕彰前期申請書類\"/>
    </mc:Choice>
  </mc:AlternateContent>
  <xr:revisionPtr revIDLastSave="0" documentId="13_ncr:1_{41697EFE-5080-4CEA-B705-FCF9AEECD272}" xr6:coauthVersionLast="47" xr6:coauthVersionMax="47" xr10:uidLastSave="{00000000-0000-0000-0000-000000000000}"/>
  <bookViews>
    <workbookView xWindow="-120" yWindow="-120" windowWidth="19440" windowHeight="14880" xr2:uid="{00000000-000D-0000-FFFF-FFFF00000000}"/>
  </bookViews>
  <sheets>
    <sheet name="様式３号の1(金賞)" sheetId="38" r:id="rId1"/>
    <sheet name="様式３号の２（銀賞）" sheetId="37" r:id="rId2"/>
    <sheet name="様式３号の３（顕彰）" sheetId="34" r:id="rId3"/>
  </sheets>
  <definedNames>
    <definedName name="_xlnm.Print_Area" localSheetId="1">'様式３号の２（銀賞）'!$A$1:$L$83</definedName>
    <definedName name="_xlnm.Print_Area" localSheetId="2">'様式３号の３（顕彰）'!$A$1:$L$132</definedName>
  </definedNames>
  <calcPr calcId="145621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55" uniqueCount="31">
  <si>
    <t>兵庫県高等学校教育研究会工業部会</t>
    <rPh sb="0" eb="3">
      <t>ヒョウゴケン</t>
    </rPh>
    <rPh sb="3" eb="5">
      <t>コウトウ</t>
    </rPh>
    <rPh sb="5" eb="7">
      <t>ガッコウ</t>
    </rPh>
    <rPh sb="7" eb="9">
      <t>キョウイク</t>
    </rPh>
    <rPh sb="9" eb="12">
      <t>ケンキュウカイ</t>
    </rPh>
    <rPh sb="12" eb="14">
      <t>コウギョウ</t>
    </rPh>
    <rPh sb="14" eb="16">
      <t>ブカイ</t>
    </rPh>
    <phoneticPr fontId="1"/>
  </si>
  <si>
    <t>工業技術顕彰制度運営委員会</t>
    <rPh sb="0" eb="2">
      <t>コウギョウ</t>
    </rPh>
    <rPh sb="2" eb="4">
      <t>ギジュツ</t>
    </rPh>
    <rPh sb="4" eb="6">
      <t>ケンショウ</t>
    </rPh>
    <rPh sb="6" eb="8">
      <t>セイド</t>
    </rPh>
    <rPh sb="8" eb="10">
      <t>ウンエイ</t>
    </rPh>
    <rPh sb="10" eb="13">
      <t>イインカイ</t>
    </rPh>
    <phoneticPr fontId="1"/>
  </si>
  <si>
    <t>下記の者は、顕彰制度実施要項に基づき、有資格者であることを認定します。</t>
    <rPh sb="0" eb="2">
      <t>カキ</t>
    </rPh>
    <rPh sb="3" eb="4">
      <t>モノ</t>
    </rPh>
    <rPh sb="6" eb="8">
      <t>ケンショウ</t>
    </rPh>
    <rPh sb="8" eb="10">
      <t>セイド</t>
    </rPh>
    <rPh sb="10" eb="12">
      <t>ジッシ</t>
    </rPh>
    <rPh sb="12" eb="14">
      <t>ヨウコウ</t>
    </rPh>
    <rPh sb="15" eb="16">
      <t>モト</t>
    </rPh>
    <rPh sb="19" eb="20">
      <t>ユウ</t>
    </rPh>
    <rPh sb="20" eb="23">
      <t>シカクシャ</t>
    </rPh>
    <rPh sb="29" eb="31">
      <t>ニンテイ</t>
    </rPh>
    <phoneticPr fontId="1"/>
  </si>
  <si>
    <t>顕　彰　認　定　証</t>
    <rPh sb="0" eb="1">
      <t>ケン</t>
    </rPh>
    <rPh sb="2" eb="3">
      <t>アキラ</t>
    </rPh>
    <rPh sb="4" eb="5">
      <t>シノブ</t>
    </rPh>
    <rPh sb="6" eb="7">
      <t>サダム</t>
    </rPh>
    <rPh sb="8" eb="9">
      <t>アカシ</t>
    </rPh>
    <phoneticPr fontId="1"/>
  </si>
  <si>
    <t>設置学科</t>
    <rPh sb="0" eb="2">
      <t>セッチ</t>
    </rPh>
    <rPh sb="2" eb="4">
      <t>ガッカ</t>
    </rPh>
    <phoneticPr fontId="1"/>
  </si>
  <si>
    <t>氏    名</t>
    <rPh sb="0" eb="1">
      <t>シ</t>
    </rPh>
    <rPh sb="5" eb="6">
      <t>メイ</t>
    </rPh>
    <phoneticPr fontId="1"/>
  </si>
  <si>
    <t>(様式第３号の３）</t>
    <rPh sb="1" eb="3">
      <t>ヨウシキ</t>
    </rPh>
    <rPh sb="3" eb="4">
      <t>ダイ</t>
    </rPh>
    <rPh sb="5" eb="6">
      <t>ゴウ</t>
    </rPh>
    <phoneticPr fontId="1"/>
  </si>
  <si>
    <t>工　顕  第  　　   号</t>
    <rPh sb="0" eb="1">
      <t>コウ</t>
    </rPh>
    <rPh sb="2" eb="3">
      <t>ケン</t>
    </rPh>
    <rPh sb="5" eb="6">
      <t>ダイ</t>
    </rPh>
    <rPh sb="13" eb="14">
      <t>ゴウ</t>
    </rPh>
    <phoneticPr fontId="1"/>
  </si>
  <si>
    <t>顕　彰　（金賞）　認　定　証</t>
    <rPh sb="0" eb="1">
      <t>ケン</t>
    </rPh>
    <rPh sb="2" eb="3">
      <t>アキラ</t>
    </rPh>
    <rPh sb="5" eb="6">
      <t>キン</t>
    </rPh>
    <rPh sb="6" eb="7">
      <t>ショウ</t>
    </rPh>
    <rPh sb="9" eb="10">
      <t>ミトム</t>
    </rPh>
    <rPh sb="11" eb="12">
      <t>サダム</t>
    </rPh>
    <rPh sb="13" eb="14">
      <t>ショウ</t>
    </rPh>
    <phoneticPr fontId="1"/>
  </si>
  <si>
    <t>（様式第３号の３）</t>
    <phoneticPr fontId="1"/>
  </si>
  <si>
    <t xml:space="preserve">                  高等学校長　様</t>
    <phoneticPr fontId="1"/>
  </si>
  <si>
    <t>（様式第３号の２）</t>
    <phoneticPr fontId="1"/>
  </si>
  <si>
    <t>（様式第３号の２）</t>
    <phoneticPr fontId="1"/>
  </si>
  <si>
    <t>（様式第３号の１）</t>
    <phoneticPr fontId="1"/>
  </si>
  <si>
    <t>顕　彰　（金　賞）　認　定　証</t>
    <phoneticPr fontId="1"/>
  </si>
  <si>
    <t>顕　彰　（銀　賞）　認　定　証</t>
    <phoneticPr fontId="1"/>
  </si>
  <si>
    <t>様</t>
    <phoneticPr fontId="1"/>
  </si>
  <si>
    <t xml:space="preserve"> 高等学校長</t>
    <phoneticPr fontId="1"/>
  </si>
  <si>
    <t>(例)機械</t>
    <phoneticPr fontId="1"/>
  </si>
  <si>
    <t>（その１ 以上 　　 名）</t>
    <rPh sb="5" eb="7">
      <t>イジョウ</t>
    </rPh>
    <rPh sb="11" eb="12">
      <t>メイ</t>
    </rPh>
    <phoneticPr fontId="1"/>
  </si>
  <si>
    <t>（その２ 以上 　　 名）</t>
    <rPh sb="5" eb="7">
      <t>イジョウ</t>
    </rPh>
    <rPh sb="11" eb="12">
      <t>メイ</t>
    </rPh>
    <phoneticPr fontId="1"/>
  </si>
  <si>
    <t>（その３ 以上 　　 名）</t>
    <rPh sb="5" eb="7">
      <t>イジョウ</t>
    </rPh>
    <rPh sb="11" eb="12">
      <t>メイ</t>
    </rPh>
    <phoneticPr fontId="1"/>
  </si>
  <si>
    <t>令和</t>
    <rPh sb="0" eb="2">
      <t>レイワ</t>
    </rPh>
    <phoneticPr fontId="1"/>
  </si>
  <si>
    <t xml:space="preserve">   年    月    日</t>
    <rPh sb="3" eb="4">
      <t>ネン</t>
    </rPh>
    <rPh sb="8" eb="9">
      <t>ガツ</t>
    </rPh>
    <rPh sb="13" eb="14">
      <t>ニチ</t>
    </rPh>
    <phoneticPr fontId="1"/>
  </si>
  <si>
    <t>委　員　長　　藤　川　弘　起</t>
    <rPh sb="0" eb="1">
      <t>イ</t>
    </rPh>
    <rPh sb="2" eb="3">
      <t>イン</t>
    </rPh>
    <rPh sb="4" eb="5">
      <t>チョウ</t>
    </rPh>
    <rPh sb="7" eb="8">
      <t>フジ</t>
    </rPh>
    <rPh sb="9" eb="10">
      <t>カワ</t>
    </rPh>
    <rPh sb="11" eb="12">
      <t>ヒロ</t>
    </rPh>
    <rPh sb="13" eb="14">
      <t>キ</t>
    </rPh>
    <phoneticPr fontId="1"/>
  </si>
  <si>
    <t>委　員　長　　東　濱　善　通</t>
    <rPh sb="0" eb="1">
      <t>イ</t>
    </rPh>
    <rPh sb="2" eb="3">
      <t>イン</t>
    </rPh>
    <rPh sb="4" eb="5">
      <t>チョウ</t>
    </rPh>
    <rPh sb="7" eb="8">
      <t>ヒガシ</t>
    </rPh>
    <rPh sb="9" eb="10">
      <t>ハマ</t>
    </rPh>
    <rPh sb="11" eb="12">
      <t>ヨシ</t>
    </rPh>
    <rPh sb="13" eb="14">
      <t>ツウ</t>
    </rPh>
    <phoneticPr fontId="1"/>
  </si>
  <si>
    <t>委　員　長　　山　内　拓　也</t>
    <rPh sb="0" eb="1">
      <t>イ</t>
    </rPh>
    <rPh sb="2" eb="3">
      <t>イン</t>
    </rPh>
    <rPh sb="4" eb="5">
      <t>チョウ</t>
    </rPh>
    <rPh sb="7" eb="8">
      <t>ヤマ</t>
    </rPh>
    <rPh sb="9" eb="10">
      <t>ナイ</t>
    </rPh>
    <rPh sb="11" eb="12">
      <t>タク</t>
    </rPh>
    <rPh sb="13" eb="14">
      <t>ヤ</t>
    </rPh>
    <phoneticPr fontId="1"/>
  </si>
  <si>
    <t>（兵庫県立東播工業高等学校長）</t>
    <phoneticPr fontId="1"/>
  </si>
  <si>
    <t>（兵庫県立神戸工業高等学校長）</t>
    <phoneticPr fontId="1"/>
  </si>
  <si>
    <t xml:space="preserve">        （彩星工科高等学校長）</t>
    <rPh sb="9" eb="10">
      <t>アヤ</t>
    </rPh>
    <rPh sb="10" eb="11">
      <t>セイ</t>
    </rPh>
    <rPh sb="11" eb="13">
      <t>コウカ</t>
    </rPh>
    <rPh sb="13" eb="15">
      <t>コウトウ</t>
    </rPh>
    <rPh sb="15" eb="17">
      <t>ガッコウ</t>
    </rPh>
    <rPh sb="17" eb="18">
      <t>チョウ</t>
    </rPh>
    <phoneticPr fontId="1"/>
  </si>
  <si>
    <t>東播　太郎</t>
    <rPh sb="0" eb="2">
      <t>トウバン</t>
    </rPh>
    <rPh sb="3" eb="5">
      <t>タロ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gge&quot;年&quot;m&quot;月&quot;d&quot;日&quot;;@"/>
  </numFmts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2" fillId="0" borderId="0" xfId="0" applyFont="1"/>
    <xf numFmtId="0" fontId="2" fillId="0" borderId="0" xfId="0" applyFont="1" applyAlignment="1">
      <alignment horizontal="left"/>
    </xf>
    <xf numFmtId="0" fontId="2" fillId="0" borderId="0" xfId="0" applyFont="1" applyAlignment="1">
      <alignment vertical="center"/>
    </xf>
    <xf numFmtId="0" fontId="3" fillId="0" borderId="0" xfId="0" applyFont="1"/>
    <xf numFmtId="0" fontId="2" fillId="0" borderId="0" xfId="0" applyFont="1" applyFill="1" applyBorder="1" applyAlignment="1">
      <alignment vertical="center"/>
    </xf>
    <xf numFmtId="0" fontId="2" fillId="0" borderId="0" xfId="0" applyFont="1" applyAlignment="1">
      <alignment horizontal="left" vertical="center"/>
    </xf>
    <xf numFmtId="0" fontId="2" fillId="0" borderId="0" xfId="0" applyFont="1" applyAlignment="1">
      <alignment horizontal="right"/>
    </xf>
    <xf numFmtId="0" fontId="2" fillId="0" borderId="0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left" vertical="center" shrinkToFit="1"/>
    </xf>
    <xf numFmtId="0" fontId="2" fillId="0" borderId="0" xfId="0" applyFont="1" applyBorder="1" applyAlignment="1">
      <alignment horizontal="left" vertical="center" shrinkToFit="1"/>
    </xf>
    <xf numFmtId="58" fontId="2" fillId="0" borderId="0" xfId="0" applyNumberFormat="1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176" fontId="2" fillId="0" borderId="0" xfId="0" applyNumberFormat="1" applyFont="1" applyBorder="1" applyAlignment="1">
      <alignment horizontal="center" vertical="center"/>
    </xf>
    <xf numFmtId="0" fontId="4" fillId="0" borderId="0" xfId="0" applyFont="1" applyAlignment="1"/>
    <xf numFmtId="0" fontId="2" fillId="0" borderId="0" xfId="0" applyFont="1" applyAlignment="1">
      <alignment horizontal="right" vertical="center"/>
    </xf>
    <xf numFmtId="0" fontId="2" fillId="0" borderId="1" xfId="0" applyFont="1" applyBorder="1" applyAlignment="1">
      <alignment horizontal="center" vertical="center" shrinkToFit="1"/>
    </xf>
    <xf numFmtId="0" fontId="2" fillId="0" borderId="0" xfId="0" applyFont="1" applyAlignment="1">
      <alignment horizontal="center"/>
    </xf>
    <xf numFmtId="0" fontId="2" fillId="0" borderId="0" xfId="0" applyFont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3" fillId="0" borderId="0" xfId="0" applyFont="1" applyAlignment="1">
      <alignment horizontal="left"/>
    </xf>
    <xf numFmtId="1" fontId="2" fillId="0" borderId="2" xfId="0" applyNumberFormat="1" applyFont="1" applyFill="1" applyBorder="1" applyAlignment="1">
      <alignment horizontal="center" vertical="center" shrinkToFi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/>
    </xf>
    <xf numFmtId="0" fontId="4" fillId="0" borderId="0" xfId="0" applyFont="1" applyAlignment="1">
      <alignment horizont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distributed" vertical="center"/>
    </xf>
    <xf numFmtId="0" fontId="3" fillId="0" borderId="0" xfId="0" applyFont="1" applyAlignment="1">
      <alignment horizontal="right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/>
    </xf>
  </cellXfs>
  <cellStyles count="1"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6649" name="AutoShape 1">
          <a:extLst>
            <a:ext uri="{FF2B5EF4-FFF2-40B4-BE49-F238E27FC236}">
              <a16:creationId xmlns:a16="http://schemas.microsoft.com/office/drawing/2014/main" id="{00000000-0008-0000-0000-00001968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6650" name="AutoShape 2">
          <a:extLst>
            <a:ext uri="{FF2B5EF4-FFF2-40B4-BE49-F238E27FC236}">
              <a16:creationId xmlns:a16="http://schemas.microsoft.com/office/drawing/2014/main" id="{00000000-0008-0000-0000-00001A68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6651" name="AutoShape 1">
          <a:extLst>
            <a:ext uri="{FF2B5EF4-FFF2-40B4-BE49-F238E27FC236}">
              <a16:creationId xmlns:a16="http://schemas.microsoft.com/office/drawing/2014/main" id="{00000000-0008-0000-0000-00001B68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6652" name="AutoShape 2">
          <a:extLst>
            <a:ext uri="{FF2B5EF4-FFF2-40B4-BE49-F238E27FC236}">
              <a16:creationId xmlns:a16="http://schemas.microsoft.com/office/drawing/2014/main" id="{00000000-0008-0000-0000-00001C68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7711" name="AutoShape 1">
          <a:extLst>
            <a:ext uri="{FF2B5EF4-FFF2-40B4-BE49-F238E27FC236}">
              <a16:creationId xmlns:a16="http://schemas.microsoft.com/office/drawing/2014/main" id="{00000000-0008-0000-0100-00003F6C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7712" name="AutoShape 2">
          <a:extLst>
            <a:ext uri="{FF2B5EF4-FFF2-40B4-BE49-F238E27FC236}">
              <a16:creationId xmlns:a16="http://schemas.microsoft.com/office/drawing/2014/main" id="{00000000-0008-0000-0100-0000406C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11</xdr:col>
      <xdr:colOff>0</xdr:colOff>
      <xdr:row>30</xdr:row>
      <xdr:rowOff>0</xdr:rowOff>
    </xdr:from>
    <xdr:to>
      <xdr:col>11</xdr:col>
      <xdr:colOff>0</xdr:colOff>
      <xdr:row>30</xdr:row>
      <xdr:rowOff>0</xdr:rowOff>
    </xdr:to>
    <xdr:cxnSp macro="">
      <xdr:nvCxnSpPr>
        <xdr:cNvPr id="27713" name="AutoShape 1">
          <a:extLst>
            <a:ext uri="{FF2B5EF4-FFF2-40B4-BE49-F238E27FC236}">
              <a16:creationId xmlns:a16="http://schemas.microsoft.com/office/drawing/2014/main" id="{00000000-0008-0000-0100-0000416C0000}"/>
            </a:ext>
          </a:extLst>
        </xdr:cNvPr>
        <xdr:cNvCxnSpPr>
          <a:cxnSpLocks noChangeShapeType="1"/>
        </xdr:cNvCxnSpPr>
      </xdr:nvCxnSpPr>
      <xdr:spPr bwMode="auto">
        <a:xfrm>
          <a:off x="68484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11</xdr:col>
      <xdr:colOff>0</xdr:colOff>
      <xdr:row>30</xdr:row>
      <xdr:rowOff>0</xdr:rowOff>
    </xdr:from>
    <xdr:to>
      <xdr:col>11</xdr:col>
      <xdr:colOff>0</xdr:colOff>
      <xdr:row>30</xdr:row>
      <xdr:rowOff>0</xdr:rowOff>
    </xdr:to>
    <xdr:cxnSp macro="">
      <xdr:nvCxnSpPr>
        <xdr:cNvPr id="27714" name="AutoShape 2">
          <a:extLst>
            <a:ext uri="{FF2B5EF4-FFF2-40B4-BE49-F238E27FC236}">
              <a16:creationId xmlns:a16="http://schemas.microsoft.com/office/drawing/2014/main" id="{00000000-0008-0000-0100-0000426C0000}"/>
            </a:ext>
          </a:extLst>
        </xdr:cNvPr>
        <xdr:cNvCxnSpPr>
          <a:cxnSpLocks noChangeShapeType="1"/>
        </xdr:cNvCxnSpPr>
      </xdr:nvCxnSpPr>
      <xdr:spPr bwMode="auto">
        <a:xfrm>
          <a:off x="68484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0</xdr:col>
      <xdr:colOff>0</xdr:colOff>
      <xdr:row>75</xdr:row>
      <xdr:rowOff>0</xdr:rowOff>
    </xdr:from>
    <xdr:to>
      <xdr:col>0</xdr:col>
      <xdr:colOff>0</xdr:colOff>
      <xdr:row>75</xdr:row>
      <xdr:rowOff>0</xdr:rowOff>
    </xdr:to>
    <xdr:cxnSp macro="">
      <xdr:nvCxnSpPr>
        <xdr:cNvPr id="27715" name="AutoShape 1">
          <a:extLst>
            <a:ext uri="{FF2B5EF4-FFF2-40B4-BE49-F238E27FC236}">
              <a16:creationId xmlns:a16="http://schemas.microsoft.com/office/drawing/2014/main" id="{00000000-0008-0000-0100-0000436C0000}"/>
            </a:ext>
          </a:extLst>
        </xdr:cNvPr>
        <xdr:cNvCxnSpPr>
          <a:cxnSpLocks noChangeShapeType="1"/>
        </xdr:cNvCxnSpPr>
      </xdr:nvCxnSpPr>
      <xdr:spPr bwMode="auto">
        <a:xfrm>
          <a:off x="0" y="18335625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0</xdr:col>
      <xdr:colOff>0</xdr:colOff>
      <xdr:row>75</xdr:row>
      <xdr:rowOff>0</xdr:rowOff>
    </xdr:from>
    <xdr:to>
      <xdr:col>0</xdr:col>
      <xdr:colOff>0</xdr:colOff>
      <xdr:row>75</xdr:row>
      <xdr:rowOff>0</xdr:rowOff>
    </xdr:to>
    <xdr:cxnSp macro="">
      <xdr:nvCxnSpPr>
        <xdr:cNvPr id="27716" name="AutoShape 2">
          <a:extLst>
            <a:ext uri="{FF2B5EF4-FFF2-40B4-BE49-F238E27FC236}">
              <a16:creationId xmlns:a16="http://schemas.microsoft.com/office/drawing/2014/main" id="{00000000-0008-0000-0100-0000446C0000}"/>
            </a:ext>
          </a:extLst>
        </xdr:cNvPr>
        <xdr:cNvCxnSpPr>
          <a:cxnSpLocks noChangeShapeType="1"/>
        </xdr:cNvCxnSpPr>
      </xdr:nvCxnSpPr>
      <xdr:spPr bwMode="auto">
        <a:xfrm>
          <a:off x="0" y="18335625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0</xdr:col>
      <xdr:colOff>0</xdr:colOff>
      <xdr:row>75</xdr:row>
      <xdr:rowOff>0</xdr:rowOff>
    </xdr:from>
    <xdr:to>
      <xdr:col>0</xdr:col>
      <xdr:colOff>0</xdr:colOff>
      <xdr:row>75</xdr:row>
      <xdr:rowOff>0</xdr:rowOff>
    </xdr:to>
    <xdr:cxnSp macro="">
      <xdr:nvCxnSpPr>
        <xdr:cNvPr id="27717" name="AutoShape 1">
          <a:extLst>
            <a:ext uri="{FF2B5EF4-FFF2-40B4-BE49-F238E27FC236}">
              <a16:creationId xmlns:a16="http://schemas.microsoft.com/office/drawing/2014/main" id="{00000000-0008-0000-0100-0000456C0000}"/>
            </a:ext>
          </a:extLst>
        </xdr:cNvPr>
        <xdr:cNvCxnSpPr>
          <a:cxnSpLocks noChangeShapeType="1"/>
        </xdr:cNvCxnSpPr>
      </xdr:nvCxnSpPr>
      <xdr:spPr bwMode="auto">
        <a:xfrm>
          <a:off x="0" y="18335625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0</xdr:col>
      <xdr:colOff>0</xdr:colOff>
      <xdr:row>75</xdr:row>
      <xdr:rowOff>0</xdr:rowOff>
    </xdr:from>
    <xdr:to>
      <xdr:col>0</xdr:col>
      <xdr:colOff>0</xdr:colOff>
      <xdr:row>75</xdr:row>
      <xdr:rowOff>0</xdr:rowOff>
    </xdr:to>
    <xdr:cxnSp macro="">
      <xdr:nvCxnSpPr>
        <xdr:cNvPr id="27718" name="AutoShape 2">
          <a:extLst>
            <a:ext uri="{FF2B5EF4-FFF2-40B4-BE49-F238E27FC236}">
              <a16:creationId xmlns:a16="http://schemas.microsoft.com/office/drawing/2014/main" id="{00000000-0008-0000-0100-0000466C0000}"/>
            </a:ext>
          </a:extLst>
        </xdr:cNvPr>
        <xdr:cNvCxnSpPr>
          <a:cxnSpLocks noChangeShapeType="1"/>
        </xdr:cNvCxnSpPr>
      </xdr:nvCxnSpPr>
      <xdr:spPr bwMode="auto">
        <a:xfrm>
          <a:off x="0" y="18335625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75</xdr:row>
      <xdr:rowOff>0</xdr:rowOff>
    </xdr:from>
    <xdr:to>
      <xdr:col>6</xdr:col>
      <xdr:colOff>0</xdr:colOff>
      <xdr:row>75</xdr:row>
      <xdr:rowOff>0</xdr:rowOff>
    </xdr:to>
    <xdr:cxnSp macro="">
      <xdr:nvCxnSpPr>
        <xdr:cNvPr id="27719" name="AutoShape 1">
          <a:extLst>
            <a:ext uri="{FF2B5EF4-FFF2-40B4-BE49-F238E27FC236}">
              <a16:creationId xmlns:a16="http://schemas.microsoft.com/office/drawing/2014/main" id="{00000000-0008-0000-0100-0000476C0000}"/>
            </a:ext>
          </a:extLst>
        </xdr:cNvPr>
        <xdr:cNvCxnSpPr>
          <a:cxnSpLocks noChangeShapeType="1"/>
        </xdr:cNvCxnSpPr>
      </xdr:nvCxnSpPr>
      <xdr:spPr bwMode="auto">
        <a:xfrm>
          <a:off x="3152775" y="18335625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75</xdr:row>
      <xdr:rowOff>0</xdr:rowOff>
    </xdr:from>
    <xdr:to>
      <xdr:col>6</xdr:col>
      <xdr:colOff>0</xdr:colOff>
      <xdr:row>75</xdr:row>
      <xdr:rowOff>0</xdr:rowOff>
    </xdr:to>
    <xdr:cxnSp macro="">
      <xdr:nvCxnSpPr>
        <xdr:cNvPr id="27720" name="AutoShape 2">
          <a:extLst>
            <a:ext uri="{FF2B5EF4-FFF2-40B4-BE49-F238E27FC236}">
              <a16:creationId xmlns:a16="http://schemas.microsoft.com/office/drawing/2014/main" id="{00000000-0008-0000-0100-0000486C0000}"/>
            </a:ext>
          </a:extLst>
        </xdr:cNvPr>
        <xdr:cNvCxnSpPr>
          <a:cxnSpLocks noChangeShapeType="1"/>
        </xdr:cNvCxnSpPr>
      </xdr:nvCxnSpPr>
      <xdr:spPr bwMode="auto">
        <a:xfrm>
          <a:off x="3152775" y="18335625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7721" name="AutoShape 1">
          <a:extLst>
            <a:ext uri="{FF2B5EF4-FFF2-40B4-BE49-F238E27FC236}">
              <a16:creationId xmlns:a16="http://schemas.microsoft.com/office/drawing/2014/main" id="{00000000-0008-0000-0100-0000496C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7722" name="AutoShape 2">
          <a:extLst>
            <a:ext uri="{FF2B5EF4-FFF2-40B4-BE49-F238E27FC236}">
              <a16:creationId xmlns:a16="http://schemas.microsoft.com/office/drawing/2014/main" id="{00000000-0008-0000-0100-00004A6C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0525" name="AutoShape 1">
          <a:extLst>
            <a:ext uri="{FF2B5EF4-FFF2-40B4-BE49-F238E27FC236}">
              <a16:creationId xmlns:a16="http://schemas.microsoft.com/office/drawing/2014/main" id="{00000000-0008-0000-0200-00002D50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30</xdr:row>
      <xdr:rowOff>0</xdr:rowOff>
    </xdr:from>
    <xdr:to>
      <xdr:col>6</xdr:col>
      <xdr:colOff>0</xdr:colOff>
      <xdr:row>30</xdr:row>
      <xdr:rowOff>0</xdr:rowOff>
    </xdr:to>
    <xdr:cxnSp macro="">
      <xdr:nvCxnSpPr>
        <xdr:cNvPr id="20526" name="AutoShape 2">
          <a:extLst>
            <a:ext uri="{FF2B5EF4-FFF2-40B4-BE49-F238E27FC236}">
              <a16:creationId xmlns:a16="http://schemas.microsoft.com/office/drawing/2014/main" id="{00000000-0008-0000-0200-00002E500000}"/>
            </a:ext>
          </a:extLst>
        </xdr:cNvPr>
        <xdr:cNvCxnSpPr>
          <a:cxnSpLocks noChangeShapeType="1"/>
        </xdr:cNvCxnSpPr>
      </xdr:nvCxnSpPr>
      <xdr:spPr bwMode="auto">
        <a:xfrm>
          <a:off x="3152775" y="75819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77</xdr:row>
      <xdr:rowOff>0</xdr:rowOff>
    </xdr:from>
    <xdr:to>
      <xdr:col>6</xdr:col>
      <xdr:colOff>0</xdr:colOff>
      <xdr:row>77</xdr:row>
      <xdr:rowOff>0</xdr:rowOff>
    </xdr:to>
    <xdr:cxnSp macro="">
      <xdr:nvCxnSpPr>
        <xdr:cNvPr id="20527" name="AutoShape 1">
          <a:extLst>
            <a:ext uri="{FF2B5EF4-FFF2-40B4-BE49-F238E27FC236}">
              <a16:creationId xmlns:a16="http://schemas.microsoft.com/office/drawing/2014/main" id="{00000000-0008-0000-0200-00002F500000}"/>
            </a:ext>
          </a:extLst>
        </xdr:cNvPr>
        <xdr:cNvCxnSpPr>
          <a:cxnSpLocks noChangeShapeType="1"/>
        </xdr:cNvCxnSpPr>
      </xdr:nvCxnSpPr>
      <xdr:spPr bwMode="auto">
        <a:xfrm>
          <a:off x="3152775" y="18488025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77</xdr:row>
      <xdr:rowOff>0</xdr:rowOff>
    </xdr:from>
    <xdr:to>
      <xdr:col>6</xdr:col>
      <xdr:colOff>0</xdr:colOff>
      <xdr:row>77</xdr:row>
      <xdr:rowOff>0</xdr:rowOff>
    </xdr:to>
    <xdr:cxnSp macro="">
      <xdr:nvCxnSpPr>
        <xdr:cNvPr id="20528" name="AutoShape 2">
          <a:extLst>
            <a:ext uri="{FF2B5EF4-FFF2-40B4-BE49-F238E27FC236}">
              <a16:creationId xmlns:a16="http://schemas.microsoft.com/office/drawing/2014/main" id="{00000000-0008-0000-0200-000030500000}"/>
            </a:ext>
          </a:extLst>
        </xdr:cNvPr>
        <xdr:cNvCxnSpPr>
          <a:cxnSpLocks noChangeShapeType="1"/>
        </xdr:cNvCxnSpPr>
      </xdr:nvCxnSpPr>
      <xdr:spPr bwMode="auto">
        <a:xfrm>
          <a:off x="3152775" y="18488025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124</xdr:row>
      <xdr:rowOff>0</xdr:rowOff>
    </xdr:from>
    <xdr:to>
      <xdr:col>6</xdr:col>
      <xdr:colOff>0</xdr:colOff>
      <xdr:row>124</xdr:row>
      <xdr:rowOff>0</xdr:rowOff>
    </xdr:to>
    <xdr:cxnSp macro="">
      <xdr:nvCxnSpPr>
        <xdr:cNvPr id="20529" name="AutoShape 1">
          <a:extLst>
            <a:ext uri="{FF2B5EF4-FFF2-40B4-BE49-F238E27FC236}">
              <a16:creationId xmlns:a16="http://schemas.microsoft.com/office/drawing/2014/main" id="{00000000-0008-0000-0200-000031500000}"/>
            </a:ext>
          </a:extLst>
        </xdr:cNvPr>
        <xdr:cNvCxnSpPr>
          <a:cxnSpLocks noChangeShapeType="1"/>
        </xdr:cNvCxnSpPr>
      </xdr:nvCxnSpPr>
      <xdr:spPr bwMode="auto">
        <a:xfrm>
          <a:off x="3152775" y="2939415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124</xdr:row>
      <xdr:rowOff>0</xdr:rowOff>
    </xdr:from>
    <xdr:to>
      <xdr:col>6</xdr:col>
      <xdr:colOff>0</xdr:colOff>
      <xdr:row>124</xdr:row>
      <xdr:rowOff>0</xdr:rowOff>
    </xdr:to>
    <xdr:cxnSp macro="">
      <xdr:nvCxnSpPr>
        <xdr:cNvPr id="20530" name="AutoShape 2">
          <a:extLst>
            <a:ext uri="{FF2B5EF4-FFF2-40B4-BE49-F238E27FC236}">
              <a16:creationId xmlns:a16="http://schemas.microsoft.com/office/drawing/2014/main" id="{00000000-0008-0000-0200-000032500000}"/>
            </a:ext>
          </a:extLst>
        </xdr:cNvPr>
        <xdr:cNvCxnSpPr>
          <a:cxnSpLocks noChangeShapeType="1"/>
        </xdr:cNvCxnSpPr>
      </xdr:nvCxnSpPr>
      <xdr:spPr bwMode="auto">
        <a:xfrm>
          <a:off x="3152775" y="2939415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76</xdr:row>
      <xdr:rowOff>0</xdr:rowOff>
    </xdr:from>
    <xdr:to>
      <xdr:col>6</xdr:col>
      <xdr:colOff>0</xdr:colOff>
      <xdr:row>76</xdr:row>
      <xdr:rowOff>0</xdr:rowOff>
    </xdr:to>
    <xdr:cxnSp macro="">
      <xdr:nvCxnSpPr>
        <xdr:cNvPr id="20531" name="AutoShape 1">
          <a:extLst>
            <a:ext uri="{FF2B5EF4-FFF2-40B4-BE49-F238E27FC236}">
              <a16:creationId xmlns:a16="http://schemas.microsoft.com/office/drawing/2014/main" id="{00000000-0008-0000-0200-000033500000}"/>
            </a:ext>
          </a:extLst>
        </xdr:cNvPr>
        <xdr:cNvCxnSpPr>
          <a:cxnSpLocks noChangeShapeType="1"/>
        </xdr:cNvCxnSpPr>
      </xdr:nvCxnSpPr>
      <xdr:spPr bwMode="auto">
        <a:xfrm>
          <a:off x="3152775" y="182118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  <xdr:twoCellAnchor>
    <xdr:from>
      <xdr:col>6</xdr:col>
      <xdr:colOff>0</xdr:colOff>
      <xdr:row>76</xdr:row>
      <xdr:rowOff>0</xdr:rowOff>
    </xdr:from>
    <xdr:to>
      <xdr:col>6</xdr:col>
      <xdr:colOff>0</xdr:colOff>
      <xdr:row>76</xdr:row>
      <xdr:rowOff>0</xdr:rowOff>
    </xdr:to>
    <xdr:cxnSp macro="">
      <xdr:nvCxnSpPr>
        <xdr:cNvPr id="20532" name="AutoShape 2">
          <a:extLst>
            <a:ext uri="{FF2B5EF4-FFF2-40B4-BE49-F238E27FC236}">
              <a16:creationId xmlns:a16="http://schemas.microsoft.com/office/drawing/2014/main" id="{00000000-0008-0000-0200-000034500000}"/>
            </a:ext>
          </a:extLst>
        </xdr:cNvPr>
        <xdr:cNvCxnSpPr>
          <a:cxnSpLocks noChangeShapeType="1"/>
        </xdr:cNvCxnSpPr>
      </xdr:nvCxnSpPr>
      <xdr:spPr bwMode="auto">
        <a:xfrm>
          <a:off x="3152775" y="18211800"/>
          <a:ext cx="0" cy="0"/>
        </a:xfrm>
        <a:prstGeom prst="straightConnector1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38"/>
  <sheetViews>
    <sheetView tabSelected="1" view="pageBreakPreview" topLeftCell="B1" zoomScaleNormal="75" zoomScaleSheetLayoutView="100" workbookViewId="0">
      <selection activeCell="B17" sqref="B17:C17"/>
    </sheetView>
  </sheetViews>
  <sheetFormatPr defaultColWidth="9" defaultRowHeight="13.5" x14ac:dyDescent="0.15"/>
  <cols>
    <col min="1" max="1" width="1.5" style="1" hidden="1" customWidth="1"/>
    <col min="2" max="2" width="10.25" style="2" customWidth="1"/>
    <col min="3" max="3" width="17.375" style="1" customWidth="1"/>
    <col min="4" max="5" width="1.75" style="1" customWidth="1"/>
    <col min="6" max="6" width="10.25" style="2" customWidth="1"/>
    <col min="7" max="7" width="17.375" style="1" customWidth="1"/>
    <col min="8" max="9" width="2.125" style="1" customWidth="1"/>
    <col min="10" max="10" width="10.25" style="1" customWidth="1"/>
    <col min="11" max="11" width="17.375" style="1" customWidth="1"/>
    <col min="12" max="12" width="7" style="1" customWidth="1"/>
    <col min="13" max="16384" width="9" style="1"/>
  </cols>
  <sheetData>
    <row r="1" spans="1:12" ht="13.5" customHeight="1" x14ac:dyDescent="0.15">
      <c r="A1" s="1" t="s">
        <v>6</v>
      </c>
      <c r="B1" s="24" t="s">
        <v>13</v>
      </c>
      <c r="L1" s="7"/>
    </row>
    <row r="2" spans="1:12" ht="13.5" customHeight="1" x14ac:dyDescent="0.15">
      <c r="K2" s="7" t="s">
        <v>7</v>
      </c>
    </row>
    <row r="3" spans="1:12" ht="13.5" customHeight="1" x14ac:dyDescent="0.15">
      <c r="J3" s="26" t="s">
        <v>22</v>
      </c>
      <c r="K3" s="7" t="s">
        <v>23</v>
      </c>
    </row>
    <row r="4" spans="1:12" ht="13.5" customHeight="1" x14ac:dyDescent="0.15"/>
    <row r="5" spans="1:12" ht="19.5" customHeight="1" x14ac:dyDescent="0.15">
      <c r="A5" s="4" t="s">
        <v>10</v>
      </c>
      <c r="B5" s="33" t="s">
        <v>17</v>
      </c>
      <c r="C5" s="33"/>
      <c r="D5" s="34" t="s">
        <v>16</v>
      </c>
      <c r="E5" s="34"/>
    </row>
    <row r="6" spans="1:12" ht="12" customHeight="1" x14ac:dyDescent="0.15">
      <c r="A6" s="4"/>
      <c r="H6" s="31" t="s">
        <v>0</v>
      </c>
      <c r="I6" s="31"/>
      <c r="J6" s="31"/>
      <c r="K6" s="31"/>
    </row>
    <row r="7" spans="1:12" ht="13.5" customHeight="1" x14ac:dyDescent="0.15">
      <c r="G7" s="18"/>
      <c r="H7" s="32" t="s">
        <v>1</v>
      </c>
      <c r="I7" s="32"/>
      <c r="J7" s="32"/>
      <c r="K7" s="32"/>
    </row>
    <row r="8" spans="1:12" ht="13.5" customHeight="1" x14ac:dyDescent="0.15">
      <c r="H8" s="31" t="s">
        <v>24</v>
      </c>
      <c r="I8" s="31"/>
      <c r="J8" s="31"/>
      <c r="K8" s="31"/>
    </row>
    <row r="9" spans="1:12" ht="13.5" customHeight="1" x14ac:dyDescent="0.15">
      <c r="H9" s="31" t="s">
        <v>27</v>
      </c>
      <c r="I9" s="31"/>
      <c r="J9" s="31"/>
      <c r="K9" s="31"/>
    </row>
    <row r="10" spans="1:12" ht="13.5" customHeight="1" x14ac:dyDescent="0.15">
      <c r="H10" s="31" t="s">
        <v>25</v>
      </c>
      <c r="I10" s="31"/>
      <c r="J10" s="31"/>
      <c r="K10" s="31"/>
    </row>
    <row r="11" spans="1:12" ht="13.5" customHeight="1" x14ac:dyDescent="0.15">
      <c r="H11" s="35" t="s">
        <v>28</v>
      </c>
      <c r="I11" s="35"/>
      <c r="J11" s="35"/>
      <c r="K11" s="35"/>
    </row>
    <row r="12" spans="1:12" ht="13.5" customHeight="1" x14ac:dyDescent="0.15">
      <c r="H12" s="35" t="s">
        <v>26</v>
      </c>
      <c r="I12" s="35"/>
      <c r="J12" s="35"/>
      <c r="K12" s="35"/>
    </row>
    <row r="13" spans="1:12" ht="13.5" customHeight="1" x14ac:dyDescent="0.15">
      <c r="H13" s="35" t="s">
        <v>29</v>
      </c>
      <c r="I13" s="35"/>
      <c r="J13" s="35"/>
      <c r="K13" s="35"/>
    </row>
    <row r="14" spans="1:12" ht="39.75" customHeight="1" x14ac:dyDescent="0.2">
      <c r="A14" s="17" t="s">
        <v>8</v>
      </c>
      <c r="B14" s="30" t="s">
        <v>14</v>
      </c>
      <c r="C14" s="30"/>
      <c r="D14" s="30"/>
      <c r="E14" s="30"/>
      <c r="F14" s="30"/>
      <c r="G14" s="30"/>
      <c r="H14" s="30"/>
      <c r="I14" s="30"/>
      <c r="J14" s="30"/>
      <c r="K14" s="30"/>
      <c r="L14" s="17"/>
    </row>
    <row r="15" spans="1:12" s="3" customFormat="1" ht="43.5" customHeight="1" x14ac:dyDescent="0.15">
      <c r="B15" s="6" t="s">
        <v>2</v>
      </c>
      <c r="F15" s="6"/>
    </row>
    <row r="16" spans="1:12" ht="21.75" customHeight="1" x14ac:dyDescent="0.15">
      <c r="B16" s="9" t="s">
        <v>4</v>
      </c>
      <c r="C16" s="9" t="s">
        <v>5</v>
      </c>
      <c r="D16" s="3"/>
      <c r="E16" s="8"/>
      <c r="F16" s="9" t="s">
        <v>4</v>
      </c>
      <c r="G16" s="9" t="s">
        <v>5</v>
      </c>
      <c r="H16" s="8"/>
      <c r="J16" s="9" t="s">
        <v>4</v>
      </c>
      <c r="K16" s="9" t="s">
        <v>5</v>
      </c>
    </row>
    <row r="17" spans="2:11" ht="21.75" customHeight="1" x14ac:dyDescent="0.15">
      <c r="B17" s="9" t="s">
        <v>18</v>
      </c>
      <c r="C17" s="9" t="s">
        <v>30</v>
      </c>
      <c r="D17" s="21"/>
      <c r="E17" s="22"/>
      <c r="F17" s="9"/>
      <c r="G17" s="9"/>
      <c r="H17" s="22"/>
      <c r="I17" s="20"/>
      <c r="J17" s="9"/>
      <c r="K17" s="9"/>
    </row>
    <row r="18" spans="2:11" ht="21.75" customHeight="1" x14ac:dyDescent="0.15">
      <c r="B18" s="9"/>
      <c r="C18" s="9"/>
      <c r="D18" s="21"/>
      <c r="E18" s="22"/>
      <c r="F18" s="9"/>
      <c r="G18" s="9"/>
      <c r="H18" s="22"/>
      <c r="I18" s="20"/>
      <c r="J18" s="9"/>
      <c r="K18" s="9"/>
    </row>
    <row r="19" spans="2:11" ht="21.75" customHeight="1" x14ac:dyDescent="0.15">
      <c r="B19" s="9"/>
      <c r="C19" s="9"/>
      <c r="D19" s="23"/>
      <c r="E19" s="22"/>
      <c r="F19" s="9"/>
      <c r="G19" s="9"/>
      <c r="H19" s="22"/>
      <c r="I19" s="20"/>
      <c r="J19" s="9"/>
      <c r="K19" s="9"/>
    </row>
    <row r="20" spans="2:11" ht="21.75" customHeight="1" x14ac:dyDescent="0.15">
      <c r="B20" s="9"/>
      <c r="C20" s="19"/>
      <c r="D20" s="21"/>
      <c r="E20" s="22"/>
      <c r="F20" s="9"/>
      <c r="G20" s="19"/>
      <c r="H20" s="22"/>
      <c r="I20" s="20"/>
      <c r="J20" s="9"/>
      <c r="K20" s="9"/>
    </row>
    <row r="21" spans="2:11" ht="21.75" customHeight="1" x14ac:dyDescent="0.15">
      <c r="B21" s="9"/>
      <c r="C21" s="9"/>
      <c r="D21" s="23"/>
      <c r="E21" s="22"/>
      <c r="F21" s="9"/>
      <c r="G21" s="9"/>
      <c r="H21" s="22"/>
      <c r="I21" s="20"/>
      <c r="J21" s="9"/>
      <c r="K21" s="9"/>
    </row>
    <row r="22" spans="2:11" ht="21.75" customHeight="1" x14ac:dyDescent="0.15">
      <c r="B22" s="9"/>
      <c r="C22" s="9"/>
      <c r="D22" s="21"/>
      <c r="E22" s="22"/>
      <c r="F22" s="9"/>
      <c r="G22" s="9"/>
      <c r="H22" s="22"/>
      <c r="I22" s="20"/>
      <c r="J22" s="9"/>
      <c r="K22" s="9"/>
    </row>
    <row r="23" spans="2:11" ht="21.75" customHeight="1" x14ac:dyDescent="0.15">
      <c r="B23" s="9"/>
      <c r="C23" s="9"/>
      <c r="D23" s="23"/>
      <c r="E23" s="22"/>
      <c r="F23" s="9"/>
      <c r="G23" s="25"/>
      <c r="H23" s="22"/>
      <c r="I23" s="20"/>
      <c r="J23" s="9"/>
      <c r="K23" s="9"/>
    </row>
    <row r="24" spans="2:11" ht="21.75" customHeight="1" x14ac:dyDescent="0.15">
      <c r="B24" s="9"/>
      <c r="C24" s="9"/>
      <c r="D24" s="21"/>
      <c r="E24" s="22"/>
      <c r="F24" s="9"/>
      <c r="G24" s="9"/>
      <c r="H24" s="22"/>
      <c r="I24" s="20"/>
      <c r="J24" s="9"/>
      <c r="K24" s="9"/>
    </row>
    <row r="25" spans="2:11" ht="21.75" customHeight="1" x14ac:dyDescent="0.15">
      <c r="B25" s="9"/>
      <c r="C25" s="19"/>
      <c r="D25" s="21"/>
      <c r="E25" s="22"/>
      <c r="F25" s="9"/>
      <c r="G25" s="19"/>
      <c r="H25" s="22"/>
      <c r="I25" s="20"/>
      <c r="J25" s="9"/>
      <c r="K25" s="9"/>
    </row>
    <row r="26" spans="2:11" ht="21.75" customHeight="1" x14ac:dyDescent="0.15">
      <c r="B26" s="9"/>
      <c r="C26" s="19"/>
      <c r="D26" s="21"/>
      <c r="E26" s="22"/>
      <c r="F26" s="9"/>
      <c r="G26" s="19"/>
      <c r="H26" s="22"/>
      <c r="I26" s="20"/>
      <c r="J26" s="9"/>
      <c r="K26" s="9"/>
    </row>
    <row r="27" spans="2:11" ht="21.75" customHeight="1" x14ac:dyDescent="0.15">
      <c r="B27" s="9"/>
      <c r="C27" s="19"/>
      <c r="D27" s="23"/>
      <c r="E27" s="22"/>
      <c r="F27" s="9"/>
      <c r="G27" s="19"/>
      <c r="H27" s="22"/>
      <c r="I27" s="20"/>
      <c r="J27" s="9"/>
      <c r="K27" s="9"/>
    </row>
    <row r="28" spans="2:11" ht="21.75" customHeight="1" x14ac:dyDescent="0.15">
      <c r="B28" s="9"/>
      <c r="C28" s="19"/>
      <c r="D28" s="21"/>
      <c r="E28" s="22"/>
      <c r="F28" s="9"/>
      <c r="G28" s="19"/>
      <c r="H28" s="22"/>
      <c r="I28" s="20"/>
      <c r="J28" s="9"/>
      <c r="K28" s="9"/>
    </row>
    <row r="29" spans="2:11" ht="21.75" customHeight="1" x14ac:dyDescent="0.15">
      <c r="B29" s="9"/>
      <c r="C29" s="19"/>
      <c r="D29" s="23"/>
      <c r="E29" s="22"/>
      <c r="F29" s="9"/>
      <c r="G29" s="19"/>
      <c r="H29" s="22"/>
      <c r="I29" s="20"/>
      <c r="J29" s="9"/>
      <c r="K29" s="9"/>
    </row>
    <row r="30" spans="2:11" ht="21.75" customHeight="1" x14ac:dyDescent="0.15">
      <c r="B30" s="9"/>
      <c r="C30" s="9"/>
      <c r="D30" s="21"/>
      <c r="E30" s="22"/>
      <c r="F30" s="9"/>
      <c r="G30" s="9"/>
      <c r="H30" s="22"/>
      <c r="I30" s="20"/>
      <c r="J30" s="9"/>
      <c r="K30" s="9"/>
    </row>
    <row r="31" spans="2:11" ht="21.75" customHeight="1" x14ac:dyDescent="0.15">
      <c r="B31" s="9"/>
      <c r="C31" s="9"/>
      <c r="D31" s="21"/>
      <c r="E31" s="22"/>
      <c r="F31" s="9"/>
      <c r="G31" s="9"/>
      <c r="H31" s="22"/>
      <c r="I31" s="20"/>
      <c r="J31" s="9"/>
      <c r="K31" s="9"/>
    </row>
    <row r="32" spans="2:11" ht="21.75" customHeight="1" x14ac:dyDescent="0.15">
      <c r="B32" s="9"/>
      <c r="C32" s="9"/>
      <c r="D32" s="21"/>
      <c r="E32" s="22"/>
      <c r="F32" s="9"/>
      <c r="G32" s="9"/>
      <c r="H32" s="22"/>
      <c r="I32" s="20"/>
      <c r="J32" s="9"/>
      <c r="K32" s="9"/>
    </row>
    <row r="33" spans="2:12" ht="21.75" customHeight="1" x14ac:dyDescent="0.15">
      <c r="B33" s="9"/>
      <c r="C33" s="19"/>
      <c r="D33" s="21"/>
      <c r="E33" s="22"/>
      <c r="F33" s="9"/>
      <c r="G33" s="19"/>
      <c r="H33" s="22"/>
      <c r="I33" s="20"/>
      <c r="J33" s="9"/>
      <c r="K33" s="9"/>
    </row>
    <row r="34" spans="2:12" ht="21.75" customHeight="1" x14ac:dyDescent="0.15">
      <c r="B34" s="9"/>
      <c r="C34" s="9"/>
      <c r="D34" s="21"/>
      <c r="E34" s="22"/>
      <c r="F34" s="9"/>
      <c r="G34" s="9"/>
      <c r="H34" s="22"/>
      <c r="I34" s="20"/>
      <c r="J34" s="9"/>
      <c r="K34" s="9"/>
    </row>
    <row r="35" spans="2:12" ht="21.75" customHeight="1" x14ac:dyDescent="0.15">
      <c r="B35" s="9"/>
      <c r="C35" s="19"/>
      <c r="D35" s="23"/>
      <c r="E35" s="22"/>
      <c r="F35" s="9"/>
      <c r="G35" s="19"/>
      <c r="H35" s="22"/>
      <c r="I35" s="20"/>
      <c r="J35" s="9"/>
      <c r="K35" s="9"/>
    </row>
    <row r="36" spans="2:12" ht="21.75" customHeight="1" x14ac:dyDescent="0.15">
      <c r="B36" s="9"/>
      <c r="C36" s="9"/>
      <c r="D36" s="21"/>
      <c r="E36" s="22"/>
      <c r="F36" s="9"/>
      <c r="G36" s="9"/>
      <c r="H36" s="22"/>
      <c r="I36" s="20"/>
      <c r="J36" s="9"/>
      <c r="K36" s="9"/>
    </row>
    <row r="37" spans="2:12" ht="9.75" customHeight="1" x14ac:dyDescent="0.15">
      <c r="B37" s="8"/>
      <c r="C37" s="13"/>
      <c r="D37" s="5"/>
      <c r="E37" s="8"/>
      <c r="F37" s="14"/>
      <c r="G37" s="5"/>
      <c r="H37" s="8"/>
      <c r="I37" s="15"/>
      <c r="J37" s="8"/>
      <c r="K37" s="16"/>
      <c r="L37" s="16"/>
    </row>
    <row r="38" spans="2:12" x14ac:dyDescent="0.15">
      <c r="J38" s="2"/>
      <c r="K38" s="7" t="s">
        <v>19</v>
      </c>
    </row>
  </sheetData>
  <mergeCells count="11">
    <mergeCell ref="B14:K14"/>
    <mergeCell ref="H6:K6"/>
    <mergeCell ref="H7:K7"/>
    <mergeCell ref="B5:C5"/>
    <mergeCell ref="D5:E5"/>
    <mergeCell ref="H8:K8"/>
    <mergeCell ref="H9:K9"/>
    <mergeCell ref="H10:K10"/>
    <mergeCell ref="H11:K11"/>
    <mergeCell ref="H12:K12"/>
    <mergeCell ref="H13:K13"/>
  </mergeCells>
  <phoneticPr fontId="1"/>
  <pageMargins left="0.62" right="0.48" top="0.78" bottom="0.59055118110236227" header="0.51181102362204722" footer="0.73"/>
  <pageSetup paperSize="9" scale="95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K183"/>
  <sheetViews>
    <sheetView view="pageBreakPreview" topLeftCell="B1" zoomScaleNormal="75" workbookViewId="0">
      <selection activeCell="B17" sqref="B17:C17"/>
    </sheetView>
  </sheetViews>
  <sheetFormatPr defaultColWidth="9" defaultRowHeight="13.5" x14ac:dyDescent="0.15"/>
  <cols>
    <col min="1" max="1" width="1.5" style="1" hidden="1" customWidth="1"/>
    <col min="2" max="2" width="10.25" style="2" customWidth="1"/>
    <col min="3" max="3" width="17.375" style="1" customWidth="1"/>
    <col min="4" max="5" width="1.75" style="1" customWidth="1"/>
    <col min="6" max="6" width="10.25" style="2" customWidth="1"/>
    <col min="7" max="7" width="17.375" style="1" customWidth="1"/>
    <col min="8" max="9" width="2" style="1" customWidth="1"/>
    <col min="10" max="10" width="10.25" style="1" customWidth="1"/>
    <col min="11" max="11" width="20.375" style="1" customWidth="1"/>
    <col min="12" max="12" width="5.5" style="1" customWidth="1"/>
    <col min="13" max="16384" width="9" style="1"/>
  </cols>
  <sheetData>
    <row r="1" spans="1:11" ht="13.5" customHeight="1" x14ac:dyDescent="0.15">
      <c r="B1" s="24" t="s">
        <v>11</v>
      </c>
    </row>
    <row r="2" spans="1:11" ht="13.5" customHeight="1" x14ac:dyDescent="0.15">
      <c r="K2" s="7" t="s">
        <v>7</v>
      </c>
    </row>
    <row r="3" spans="1:11" ht="13.5" customHeight="1" x14ac:dyDescent="0.15">
      <c r="J3" s="26" t="s">
        <v>22</v>
      </c>
      <c r="K3" s="7" t="s">
        <v>23</v>
      </c>
    </row>
    <row r="4" spans="1:11" ht="13.5" customHeight="1" x14ac:dyDescent="0.15"/>
    <row r="5" spans="1:11" ht="19.5" customHeight="1" x14ac:dyDescent="0.15">
      <c r="A5" s="4" t="s">
        <v>10</v>
      </c>
      <c r="B5" s="33" t="s">
        <v>17</v>
      </c>
      <c r="C5" s="33"/>
      <c r="D5" s="34" t="s">
        <v>16</v>
      </c>
      <c r="E5" s="34"/>
    </row>
    <row r="6" spans="1:11" ht="19.5" customHeight="1" x14ac:dyDescent="0.15">
      <c r="A6" s="4"/>
      <c r="H6" s="31" t="s">
        <v>0</v>
      </c>
      <c r="I6" s="31"/>
      <c r="J6" s="31"/>
      <c r="K6" s="31"/>
    </row>
    <row r="7" spans="1:11" ht="13.5" customHeight="1" x14ac:dyDescent="0.15">
      <c r="G7" s="18"/>
      <c r="H7" s="32" t="s">
        <v>1</v>
      </c>
      <c r="I7" s="32"/>
      <c r="J7" s="32"/>
      <c r="K7" s="32"/>
    </row>
    <row r="8" spans="1:11" ht="13.5" customHeight="1" x14ac:dyDescent="0.15">
      <c r="H8" s="31" t="s">
        <v>24</v>
      </c>
      <c r="I8" s="31"/>
      <c r="J8" s="31"/>
      <c r="K8" s="31"/>
    </row>
    <row r="9" spans="1:11" ht="13.5" customHeight="1" x14ac:dyDescent="0.15">
      <c r="H9" s="31" t="s">
        <v>27</v>
      </c>
      <c r="I9" s="31"/>
      <c r="J9" s="31"/>
      <c r="K9" s="31"/>
    </row>
    <row r="10" spans="1:11" ht="13.5" customHeight="1" x14ac:dyDescent="0.15">
      <c r="H10" s="31" t="s">
        <v>25</v>
      </c>
      <c r="I10" s="31"/>
      <c r="J10" s="31"/>
      <c r="K10" s="31"/>
    </row>
    <row r="11" spans="1:11" ht="13.5" customHeight="1" x14ac:dyDescent="0.15">
      <c r="H11" s="35" t="s">
        <v>28</v>
      </c>
      <c r="I11" s="35"/>
      <c r="J11" s="35"/>
      <c r="K11" s="35"/>
    </row>
    <row r="12" spans="1:11" ht="13.5" customHeight="1" x14ac:dyDescent="0.15">
      <c r="H12" s="35" t="s">
        <v>26</v>
      </c>
      <c r="I12" s="35"/>
      <c r="J12" s="35"/>
      <c r="K12" s="35"/>
    </row>
    <row r="13" spans="1:11" ht="13.5" customHeight="1" x14ac:dyDescent="0.15">
      <c r="H13" s="35" t="s">
        <v>29</v>
      </c>
      <c r="I13" s="35"/>
      <c r="J13" s="35"/>
      <c r="K13" s="35"/>
    </row>
    <row r="14" spans="1:11" ht="39.75" customHeight="1" x14ac:dyDescent="0.2">
      <c r="A14" s="17"/>
      <c r="B14" s="30" t="s">
        <v>15</v>
      </c>
      <c r="C14" s="30"/>
      <c r="D14" s="30"/>
      <c r="E14" s="30"/>
      <c r="F14" s="30"/>
      <c r="G14" s="30"/>
      <c r="H14" s="30"/>
      <c r="I14" s="30"/>
      <c r="J14" s="30"/>
      <c r="K14" s="30"/>
    </row>
    <row r="15" spans="1:11" s="3" customFormat="1" ht="43.5" customHeight="1" x14ac:dyDescent="0.15">
      <c r="B15" s="6" t="s">
        <v>2</v>
      </c>
      <c r="F15" s="6"/>
    </row>
    <row r="16" spans="1:11" s="20" customFormat="1" ht="21.75" customHeight="1" x14ac:dyDescent="0.15">
      <c r="B16" s="9" t="s">
        <v>4</v>
      </c>
      <c r="C16" s="9" t="s">
        <v>5</v>
      </c>
      <c r="D16" s="21"/>
      <c r="E16" s="22"/>
      <c r="F16" s="9" t="s">
        <v>4</v>
      </c>
      <c r="G16" s="9" t="s">
        <v>5</v>
      </c>
      <c r="H16" s="22"/>
      <c r="J16" s="9" t="s">
        <v>4</v>
      </c>
      <c r="K16" s="9" t="s">
        <v>5</v>
      </c>
    </row>
    <row r="17" spans="2:11" s="20" customFormat="1" ht="21.75" customHeight="1" x14ac:dyDescent="0.15">
      <c r="B17" s="9" t="s">
        <v>18</v>
      </c>
      <c r="C17" s="9" t="s">
        <v>30</v>
      </c>
      <c r="D17" s="21"/>
      <c r="E17" s="22"/>
      <c r="F17" s="9"/>
      <c r="G17" s="9"/>
      <c r="H17" s="22"/>
      <c r="J17" s="9"/>
      <c r="K17" s="9"/>
    </row>
    <row r="18" spans="2:11" s="20" customFormat="1" ht="21.75" customHeight="1" x14ac:dyDescent="0.15">
      <c r="B18" s="9"/>
      <c r="C18" s="9"/>
      <c r="D18" s="21"/>
      <c r="E18" s="22"/>
      <c r="F18" s="9"/>
      <c r="G18" s="9"/>
      <c r="H18" s="22"/>
      <c r="J18" s="9"/>
      <c r="K18" s="9"/>
    </row>
    <row r="19" spans="2:11" s="20" customFormat="1" ht="21.75" customHeight="1" x14ac:dyDescent="0.15">
      <c r="B19" s="9"/>
      <c r="C19" s="9"/>
      <c r="D19" s="23"/>
      <c r="E19" s="22"/>
      <c r="F19" s="9"/>
      <c r="G19" s="9"/>
      <c r="H19" s="22"/>
      <c r="J19" s="9"/>
      <c r="K19" s="9"/>
    </row>
    <row r="20" spans="2:11" s="20" customFormat="1" ht="21.75" customHeight="1" x14ac:dyDescent="0.15">
      <c r="B20" s="9"/>
      <c r="C20" s="19"/>
      <c r="D20" s="21"/>
      <c r="E20" s="22"/>
      <c r="F20" s="9"/>
      <c r="G20" s="19"/>
      <c r="H20" s="22"/>
      <c r="J20" s="9"/>
      <c r="K20" s="9"/>
    </row>
    <row r="21" spans="2:11" s="20" customFormat="1" ht="21.75" customHeight="1" x14ac:dyDescent="0.15">
      <c r="B21" s="9"/>
      <c r="C21" s="9"/>
      <c r="D21" s="23"/>
      <c r="E21" s="22"/>
      <c r="F21" s="9"/>
      <c r="G21" s="9"/>
      <c r="H21" s="22"/>
      <c r="J21" s="9"/>
      <c r="K21" s="9"/>
    </row>
    <row r="22" spans="2:11" s="20" customFormat="1" ht="21.75" customHeight="1" x14ac:dyDescent="0.15">
      <c r="B22" s="9"/>
      <c r="C22" s="9"/>
      <c r="D22" s="21"/>
      <c r="E22" s="22"/>
      <c r="F22" s="9"/>
      <c r="G22" s="9"/>
      <c r="H22" s="22"/>
      <c r="J22" s="9"/>
      <c r="K22" s="9"/>
    </row>
    <row r="23" spans="2:11" s="20" customFormat="1" ht="21.75" customHeight="1" x14ac:dyDescent="0.15">
      <c r="B23" s="9"/>
      <c r="C23" s="9"/>
      <c r="D23" s="23"/>
      <c r="E23" s="22"/>
      <c r="F23" s="9"/>
      <c r="G23" s="25"/>
      <c r="H23" s="22"/>
      <c r="J23" s="9"/>
      <c r="K23" s="9"/>
    </row>
    <row r="24" spans="2:11" s="20" customFormat="1" ht="21.75" customHeight="1" x14ac:dyDescent="0.15">
      <c r="B24" s="9"/>
      <c r="C24" s="9"/>
      <c r="D24" s="21"/>
      <c r="E24" s="22"/>
      <c r="F24" s="9"/>
      <c r="G24" s="9"/>
      <c r="H24" s="22"/>
      <c r="J24" s="9"/>
      <c r="K24" s="9"/>
    </row>
    <row r="25" spans="2:11" s="20" customFormat="1" ht="21.75" customHeight="1" x14ac:dyDescent="0.15">
      <c r="B25" s="9"/>
      <c r="C25" s="19"/>
      <c r="D25" s="21"/>
      <c r="E25" s="22"/>
      <c r="F25" s="9"/>
      <c r="G25" s="19"/>
      <c r="H25" s="22"/>
      <c r="J25" s="9"/>
      <c r="K25" s="9"/>
    </row>
    <row r="26" spans="2:11" s="20" customFormat="1" ht="21.75" customHeight="1" x14ac:dyDescent="0.15">
      <c r="B26" s="9"/>
      <c r="C26" s="19"/>
      <c r="D26" s="21"/>
      <c r="E26" s="22"/>
      <c r="F26" s="9"/>
      <c r="G26" s="19"/>
      <c r="H26" s="22"/>
      <c r="J26" s="9"/>
      <c r="K26" s="9"/>
    </row>
    <row r="27" spans="2:11" s="20" customFormat="1" ht="21.75" customHeight="1" x14ac:dyDescent="0.15">
      <c r="B27" s="9"/>
      <c r="C27" s="19"/>
      <c r="D27" s="23"/>
      <c r="E27" s="22"/>
      <c r="F27" s="9"/>
      <c r="G27" s="19"/>
      <c r="H27" s="22"/>
      <c r="J27" s="9"/>
      <c r="K27" s="9"/>
    </row>
    <row r="28" spans="2:11" s="20" customFormat="1" ht="21.75" customHeight="1" x14ac:dyDescent="0.15">
      <c r="B28" s="9"/>
      <c r="C28" s="19"/>
      <c r="D28" s="21"/>
      <c r="E28" s="22"/>
      <c r="F28" s="9"/>
      <c r="G28" s="19"/>
      <c r="H28" s="22"/>
      <c r="J28" s="9"/>
      <c r="K28" s="9"/>
    </row>
    <row r="29" spans="2:11" s="20" customFormat="1" ht="21.75" customHeight="1" x14ac:dyDescent="0.15">
      <c r="B29" s="9"/>
      <c r="C29" s="19"/>
      <c r="D29" s="23"/>
      <c r="E29" s="22"/>
      <c r="F29" s="9"/>
      <c r="G29" s="19"/>
      <c r="H29" s="22"/>
      <c r="J29" s="9"/>
      <c r="K29" s="9"/>
    </row>
    <row r="30" spans="2:11" s="20" customFormat="1" ht="21.75" customHeight="1" x14ac:dyDescent="0.15">
      <c r="B30" s="9"/>
      <c r="C30" s="9"/>
      <c r="D30" s="21"/>
      <c r="E30" s="22"/>
      <c r="F30" s="9"/>
      <c r="G30" s="9"/>
      <c r="H30" s="22"/>
      <c r="J30" s="9"/>
      <c r="K30" s="9"/>
    </row>
    <row r="31" spans="2:11" s="20" customFormat="1" ht="21.75" customHeight="1" x14ac:dyDescent="0.15">
      <c r="B31" s="9"/>
      <c r="C31" s="9"/>
      <c r="D31" s="21"/>
      <c r="E31" s="22"/>
      <c r="F31" s="9"/>
      <c r="G31" s="9"/>
      <c r="H31" s="22"/>
      <c r="J31" s="9"/>
      <c r="K31" s="9"/>
    </row>
    <row r="32" spans="2:11" s="20" customFormat="1" ht="21.75" customHeight="1" x14ac:dyDescent="0.15">
      <c r="B32" s="9"/>
      <c r="C32" s="9"/>
      <c r="D32" s="21"/>
      <c r="E32" s="22"/>
      <c r="F32" s="9"/>
      <c r="G32" s="9"/>
      <c r="H32" s="22"/>
      <c r="J32" s="9"/>
      <c r="K32" s="9"/>
    </row>
    <row r="33" spans="1:11" s="20" customFormat="1" ht="21.75" customHeight="1" x14ac:dyDescent="0.15">
      <c r="B33" s="9"/>
      <c r="C33" s="19"/>
      <c r="D33" s="21"/>
      <c r="E33" s="22"/>
      <c r="F33" s="9"/>
      <c r="G33" s="19"/>
      <c r="H33" s="22"/>
      <c r="J33" s="9"/>
      <c r="K33" s="9"/>
    </row>
    <row r="34" spans="1:11" s="20" customFormat="1" ht="21.75" customHeight="1" x14ac:dyDescent="0.15">
      <c r="B34" s="9"/>
      <c r="C34" s="9"/>
      <c r="D34" s="21"/>
      <c r="E34" s="22"/>
      <c r="F34" s="9"/>
      <c r="G34" s="9"/>
      <c r="H34" s="22"/>
      <c r="J34" s="9"/>
      <c r="K34" s="9"/>
    </row>
    <row r="35" spans="1:11" s="20" customFormat="1" ht="21.75" customHeight="1" x14ac:dyDescent="0.15">
      <c r="B35" s="9"/>
      <c r="C35" s="19"/>
      <c r="D35" s="23"/>
      <c r="E35" s="22"/>
      <c r="F35" s="9"/>
      <c r="G35" s="19"/>
      <c r="H35" s="22"/>
      <c r="J35" s="9"/>
      <c r="K35" s="9"/>
    </row>
    <row r="36" spans="1:11" s="20" customFormat="1" ht="21.75" customHeight="1" x14ac:dyDescent="0.15">
      <c r="B36" s="9"/>
      <c r="C36" s="9"/>
      <c r="D36" s="21"/>
      <c r="E36" s="22"/>
      <c r="F36" s="9"/>
      <c r="G36" s="9"/>
      <c r="H36" s="22"/>
      <c r="J36" s="9"/>
      <c r="K36" s="9"/>
    </row>
    <row r="37" spans="1:11" ht="9.75" customHeight="1" x14ac:dyDescent="0.15">
      <c r="B37" s="8"/>
      <c r="C37" s="13"/>
      <c r="D37" s="5"/>
      <c r="E37" s="8"/>
      <c r="F37" s="14"/>
      <c r="G37" s="5"/>
      <c r="H37" s="8"/>
      <c r="I37" s="15"/>
      <c r="J37" s="8"/>
      <c r="K37" s="16"/>
    </row>
    <row r="38" spans="1:11" ht="13.5" customHeight="1" x14ac:dyDescent="0.15">
      <c r="J38" s="2"/>
      <c r="K38" s="7" t="s">
        <v>19</v>
      </c>
    </row>
    <row r="46" spans="1:11" ht="13.5" customHeight="1" x14ac:dyDescent="0.15">
      <c r="A46" s="7"/>
      <c r="B46" s="24" t="s">
        <v>12</v>
      </c>
    </row>
    <row r="47" spans="1:11" ht="13.5" customHeight="1" x14ac:dyDescent="0.15">
      <c r="K47" s="26" t="s">
        <v>7</v>
      </c>
    </row>
    <row r="48" spans="1:11" ht="13.5" customHeight="1" x14ac:dyDescent="0.15">
      <c r="J48" s="26" t="s">
        <v>22</v>
      </c>
      <c r="K48" s="26" t="s">
        <v>23</v>
      </c>
    </row>
    <row r="49" spans="1:11" ht="13.5" customHeight="1" x14ac:dyDescent="0.15"/>
    <row r="50" spans="1:11" ht="19.5" customHeight="1" x14ac:dyDescent="0.15">
      <c r="A50" s="4" t="s">
        <v>10</v>
      </c>
      <c r="B50" s="33" t="s">
        <v>17</v>
      </c>
      <c r="C50" s="33"/>
      <c r="D50" s="34" t="s">
        <v>16</v>
      </c>
      <c r="E50" s="34"/>
    </row>
    <row r="51" spans="1:11" ht="19.5" customHeight="1" x14ac:dyDescent="0.15">
      <c r="A51" s="4"/>
      <c r="H51" s="31" t="s">
        <v>0</v>
      </c>
      <c r="I51" s="31"/>
      <c r="J51" s="31"/>
      <c r="K51" s="31"/>
    </row>
    <row r="52" spans="1:11" ht="13.5" customHeight="1" x14ac:dyDescent="0.15">
      <c r="G52" s="18"/>
      <c r="H52" s="32" t="s">
        <v>1</v>
      </c>
      <c r="I52" s="32"/>
      <c r="J52" s="32"/>
      <c r="K52" s="32"/>
    </row>
    <row r="53" spans="1:11" ht="13.5" customHeight="1" x14ac:dyDescent="0.15">
      <c r="H53" s="31" t="s">
        <v>24</v>
      </c>
      <c r="I53" s="31"/>
      <c r="J53" s="31"/>
      <c r="K53" s="31"/>
    </row>
    <row r="54" spans="1:11" ht="13.5" customHeight="1" x14ac:dyDescent="0.15">
      <c r="H54" s="31" t="s">
        <v>27</v>
      </c>
      <c r="I54" s="31"/>
      <c r="J54" s="31"/>
      <c r="K54" s="31"/>
    </row>
    <row r="55" spans="1:11" ht="13.5" customHeight="1" x14ac:dyDescent="0.15">
      <c r="H55" s="31" t="s">
        <v>25</v>
      </c>
      <c r="I55" s="31"/>
      <c r="J55" s="31"/>
      <c r="K55" s="31"/>
    </row>
    <row r="56" spans="1:11" ht="13.5" customHeight="1" x14ac:dyDescent="0.15">
      <c r="H56" s="35" t="s">
        <v>28</v>
      </c>
      <c r="I56" s="35"/>
      <c r="J56" s="35"/>
      <c r="K56" s="35"/>
    </row>
    <row r="57" spans="1:11" ht="13.5" customHeight="1" x14ac:dyDescent="0.15">
      <c r="H57" s="35" t="s">
        <v>26</v>
      </c>
      <c r="I57" s="35"/>
      <c r="J57" s="35"/>
      <c r="K57" s="35"/>
    </row>
    <row r="58" spans="1:11" ht="13.5" customHeight="1" x14ac:dyDescent="0.15">
      <c r="H58" s="35" t="s">
        <v>29</v>
      </c>
      <c r="I58" s="35"/>
      <c r="J58" s="35"/>
      <c r="K58" s="35"/>
    </row>
    <row r="59" spans="1:11" ht="39.75" customHeight="1" x14ac:dyDescent="0.2">
      <c r="A59" s="17"/>
      <c r="B59" s="30" t="s">
        <v>15</v>
      </c>
      <c r="C59" s="30"/>
      <c r="D59" s="30"/>
      <c r="E59" s="30"/>
      <c r="F59" s="30"/>
      <c r="G59" s="30"/>
      <c r="H59" s="30"/>
      <c r="I59" s="30"/>
      <c r="J59" s="30"/>
      <c r="K59" s="30"/>
    </row>
    <row r="60" spans="1:11" s="3" customFormat="1" ht="43.5" customHeight="1" x14ac:dyDescent="0.15">
      <c r="B60" s="6" t="s">
        <v>2</v>
      </c>
      <c r="F60" s="6"/>
    </row>
    <row r="61" spans="1:11" s="20" customFormat="1" ht="21.75" customHeight="1" x14ac:dyDescent="0.15">
      <c r="B61" s="9" t="s">
        <v>4</v>
      </c>
      <c r="C61" s="9" t="s">
        <v>5</v>
      </c>
      <c r="D61" s="21"/>
      <c r="E61" s="22"/>
      <c r="F61" s="9" t="s">
        <v>4</v>
      </c>
      <c r="G61" s="9" t="s">
        <v>5</v>
      </c>
      <c r="H61" s="22"/>
      <c r="J61" s="9" t="s">
        <v>4</v>
      </c>
      <c r="K61" s="9" t="s">
        <v>5</v>
      </c>
    </row>
    <row r="62" spans="1:11" s="20" customFormat="1" ht="21.75" customHeight="1" x14ac:dyDescent="0.15">
      <c r="B62" s="9"/>
      <c r="C62" s="9"/>
      <c r="D62" s="21"/>
      <c r="E62" s="22"/>
      <c r="F62" s="9"/>
      <c r="G62" s="9"/>
      <c r="H62" s="22"/>
      <c r="J62" s="9"/>
      <c r="K62" s="9"/>
    </row>
    <row r="63" spans="1:11" s="20" customFormat="1" ht="21.75" customHeight="1" x14ac:dyDescent="0.15">
      <c r="B63" s="9"/>
      <c r="C63" s="9"/>
      <c r="D63" s="21"/>
      <c r="E63" s="22"/>
      <c r="F63" s="9"/>
      <c r="G63" s="9"/>
      <c r="H63" s="22"/>
      <c r="J63" s="9"/>
      <c r="K63" s="9"/>
    </row>
    <row r="64" spans="1:11" s="20" customFormat="1" ht="21.75" customHeight="1" x14ac:dyDescent="0.15">
      <c r="B64" s="9"/>
      <c r="C64" s="9"/>
      <c r="D64" s="23"/>
      <c r="E64" s="22"/>
      <c r="F64" s="9"/>
      <c r="G64" s="9"/>
      <c r="H64" s="22"/>
      <c r="J64" s="9"/>
      <c r="K64" s="9"/>
    </row>
    <row r="65" spans="2:11" s="20" customFormat="1" ht="21.75" customHeight="1" x14ac:dyDescent="0.15">
      <c r="B65" s="9"/>
      <c r="C65" s="9"/>
      <c r="D65" s="21"/>
      <c r="E65" s="22"/>
      <c r="F65" s="9"/>
      <c r="G65" s="9"/>
      <c r="H65" s="22"/>
      <c r="J65" s="9"/>
      <c r="K65" s="9"/>
    </row>
    <row r="66" spans="2:11" s="20" customFormat="1" ht="21.75" customHeight="1" x14ac:dyDescent="0.15">
      <c r="B66" s="9"/>
      <c r="C66" s="19"/>
      <c r="D66" s="23"/>
      <c r="E66" s="22"/>
      <c r="F66" s="9"/>
      <c r="G66" s="9"/>
      <c r="H66" s="22"/>
      <c r="J66" s="9"/>
      <c r="K66" s="9"/>
    </row>
    <row r="67" spans="2:11" s="20" customFormat="1" ht="21.75" customHeight="1" x14ac:dyDescent="0.15">
      <c r="B67" s="9"/>
      <c r="C67" s="9"/>
      <c r="D67" s="21"/>
      <c r="E67" s="22"/>
      <c r="F67" s="9"/>
      <c r="G67" s="9"/>
      <c r="H67" s="22"/>
      <c r="J67" s="9"/>
      <c r="K67" s="9"/>
    </row>
    <row r="68" spans="2:11" s="20" customFormat="1" ht="21.75" customHeight="1" x14ac:dyDescent="0.15">
      <c r="B68" s="9"/>
      <c r="C68" s="9"/>
      <c r="D68" s="23"/>
      <c r="E68" s="22"/>
      <c r="F68" s="9"/>
      <c r="G68" s="9"/>
      <c r="H68" s="22"/>
      <c r="J68" s="9"/>
      <c r="K68" s="9"/>
    </row>
    <row r="69" spans="2:11" s="20" customFormat="1" ht="21.75" customHeight="1" x14ac:dyDescent="0.15">
      <c r="B69" s="9"/>
      <c r="C69" s="9"/>
      <c r="D69" s="21"/>
      <c r="E69" s="22"/>
      <c r="F69" s="9"/>
      <c r="G69" s="9"/>
      <c r="H69" s="22"/>
      <c r="J69" s="9"/>
      <c r="K69" s="9"/>
    </row>
    <row r="70" spans="2:11" s="20" customFormat="1" ht="21.75" customHeight="1" x14ac:dyDescent="0.15">
      <c r="B70" s="9"/>
      <c r="C70" s="9"/>
      <c r="D70" s="21"/>
      <c r="E70" s="22"/>
      <c r="F70" s="9"/>
      <c r="G70" s="19"/>
      <c r="H70" s="22"/>
      <c r="J70" s="9"/>
      <c r="K70" s="9"/>
    </row>
    <row r="71" spans="2:11" s="20" customFormat="1" ht="21.75" customHeight="1" x14ac:dyDescent="0.15">
      <c r="B71" s="9"/>
      <c r="C71" s="19"/>
      <c r="D71" s="21"/>
      <c r="E71" s="22"/>
      <c r="F71" s="9"/>
      <c r="G71" s="19"/>
      <c r="H71" s="22"/>
      <c r="J71" s="9"/>
      <c r="K71" s="9"/>
    </row>
    <row r="72" spans="2:11" s="20" customFormat="1" ht="21.75" customHeight="1" x14ac:dyDescent="0.15">
      <c r="B72" s="9"/>
      <c r="C72" s="19"/>
      <c r="D72" s="23"/>
      <c r="E72" s="22"/>
      <c r="F72" s="9"/>
      <c r="G72" s="19"/>
      <c r="H72" s="22"/>
      <c r="J72" s="9"/>
      <c r="K72" s="9"/>
    </row>
    <row r="73" spans="2:11" s="20" customFormat="1" ht="21.75" customHeight="1" x14ac:dyDescent="0.15">
      <c r="B73" s="9"/>
      <c r="C73" s="19"/>
      <c r="D73" s="21"/>
      <c r="E73" s="22"/>
      <c r="F73" s="9"/>
      <c r="G73" s="19"/>
      <c r="H73" s="22"/>
      <c r="J73" s="9"/>
      <c r="K73" s="9"/>
    </row>
    <row r="74" spans="2:11" s="20" customFormat="1" ht="21.75" customHeight="1" x14ac:dyDescent="0.15">
      <c r="B74" s="9"/>
      <c r="C74" s="19"/>
      <c r="D74" s="23"/>
      <c r="E74" s="22"/>
      <c r="F74" s="9"/>
      <c r="G74" s="19"/>
      <c r="H74" s="22"/>
      <c r="J74" s="9"/>
      <c r="K74" s="9"/>
    </row>
    <row r="75" spans="2:11" s="20" customFormat="1" ht="21.75" customHeight="1" x14ac:dyDescent="0.15">
      <c r="B75" s="9"/>
      <c r="C75" s="9"/>
      <c r="D75" s="21"/>
      <c r="E75" s="22"/>
      <c r="F75" s="9"/>
      <c r="G75" s="9"/>
      <c r="H75" s="22"/>
      <c r="J75" s="9"/>
      <c r="K75" s="9"/>
    </row>
    <row r="76" spans="2:11" s="20" customFormat="1" ht="21.75" customHeight="1" x14ac:dyDescent="0.15">
      <c r="B76" s="9"/>
      <c r="C76" s="9"/>
      <c r="D76" s="21"/>
      <c r="E76" s="22"/>
      <c r="F76" s="9"/>
      <c r="G76" s="9"/>
      <c r="H76" s="22"/>
      <c r="J76" s="9"/>
      <c r="K76" s="9"/>
    </row>
    <row r="77" spans="2:11" s="20" customFormat="1" ht="21.75" customHeight="1" x14ac:dyDescent="0.15">
      <c r="B77" s="9"/>
      <c r="C77" s="9"/>
      <c r="D77" s="21"/>
      <c r="E77" s="22"/>
      <c r="F77" s="9"/>
      <c r="G77" s="9"/>
      <c r="H77" s="22"/>
      <c r="J77" s="9"/>
      <c r="K77" s="9"/>
    </row>
    <row r="78" spans="2:11" s="20" customFormat="1" ht="21.75" customHeight="1" x14ac:dyDescent="0.15">
      <c r="B78" s="9"/>
      <c r="C78" s="19"/>
      <c r="D78" s="21"/>
      <c r="E78" s="22"/>
      <c r="F78" s="9"/>
      <c r="G78" s="19"/>
      <c r="H78" s="22"/>
      <c r="J78" s="9"/>
      <c r="K78" s="9"/>
    </row>
    <row r="79" spans="2:11" s="20" customFormat="1" ht="21.75" customHeight="1" x14ac:dyDescent="0.15">
      <c r="B79" s="9"/>
      <c r="C79" s="19"/>
      <c r="D79" s="21"/>
      <c r="E79" s="22"/>
      <c r="F79" s="9"/>
      <c r="G79" s="9"/>
      <c r="H79" s="22"/>
      <c r="J79" s="9"/>
      <c r="K79" s="9"/>
    </row>
    <row r="80" spans="2:11" s="20" customFormat="1" ht="21.75" customHeight="1" x14ac:dyDescent="0.15">
      <c r="B80" s="9"/>
      <c r="C80" s="9"/>
      <c r="D80" s="23"/>
      <c r="E80" s="22"/>
      <c r="F80" s="9"/>
      <c r="G80" s="19"/>
      <c r="H80" s="22"/>
      <c r="J80" s="9"/>
      <c r="K80" s="9"/>
    </row>
    <row r="81" spans="1:11" s="20" customFormat="1" ht="21.75" customHeight="1" x14ac:dyDescent="0.15">
      <c r="B81" s="9"/>
      <c r="C81" s="19"/>
      <c r="D81" s="21"/>
      <c r="E81" s="22"/>
      <c r="F81" s="9"/>
      <c r="G81" s="9"/>
      <c r="H81" s="22"/>
      <c r="J81" s="9"/>
      <c r="K81" s="9"/>
    </row>
    <row r="82" spans="1:11" ht="9.75" customHeight="1" x14ac:dyDescent="0.15">
      <c r="A82" s="16"/>
      <c r="B82" s="8"/>
      <c r="C82" s="13"/>
      <c r="D82" s="5"/>
      <c r="E82" s="8"/>
      <c r="F82" s="14"/>
      <c r="G82" s="5"/>
      <c r="H82" s="8"/>
      <c r="I82" s="15"/>
      <c r="J82" s="8"/>
      <c r="K82" s="16"/>
    </row>
    <row r="83" spans="1:11" ht="13.5" customHeight="1" x14ac:dyDescent="0.15">
      <c r="J83" s="2"/>
      <c r="K83" s="7" t="s">
        <v>20</v>
      </c>
    </row>
    <row r="100" spans="8:11" x14ac:dyDescent="0.15">
      <c r="H100" s="31"/>
      <c r="I100" s="31"/>
      <c r="J100" s="31"/>
      <c r="K100" s="31"/>
    </row>
    <row r="101" spans="8:11" x14ac:dyDescent="0.15">
      <c r="H101" s="32"/>
      <c r="I101" s="32"/>
      <c r="J101" s="32"/>
      <c r="K101" s="32"/>
    </row>
    <row r="102" spans="8:11" x14ac:dyDescent="0.15">
      <c r="H102" s="31"/>
      <c r="I102" s="31"/>
      <c r="J102" s="31"/>
      <c r="K102" s="31"/>
    </row>
    <row r="103" spans="8:11" x14ac:dyDescent="0.15">
      <c r="H103" s="31"/>
      <c r="I103" s="31"/>
      <c r="J103" s="31"/>
      <c r="K103" s="31"/>
    </row>
    <row r="104" spans="8:11" x14ac:dyDescent="0.15">
      <c r="H104" s="31"/>
      <c r="I104" s="31"/>
      <c r="J104" s="31"/>
      <c r="K104" s="31"/>
    </row>
    <row r="105" spans="8:11" x14ac:dyDescent="0.15">
      <c r="H105" s="35"/>
      <c r="I105" s="35"/>
      <c r="J105" s="35"/>
      <c r="K105" s="35"/>
    </row>
    <row r="106" spans="8:11" x14ac:dyDescent="0.15">
      <c r="H106" s="35"/>
      <c r="I106" s="35"/>
      <c r="J106" s="35"/>
      <c r="K106" s="35"/>
    </row>
    <row r="107" spans="8:11" x14ac:dyDescent="0.15">
      <c r="H107" s="34"/>
      <c r="I107" s="34"/>
      <c r="J107" s="34"/>
      <c r="K107" s="34"/>
    </row>
    <row r="108" spans="8:11" x14ac:dyDescent="0.15">
      <c r="I108" s="2"/>
      <c r="K108" s="2"/>
    </row>
    <row r="109" spans="8:11" x14ac:dyDescent="0.15">
      <c r="I109" s="2"/>
      <c r="K109" s="2"/>
    </row>
    <row r="110" spans="8:11" x14ac:dyDescent="0.15">
      <c r="I110" s="2"/>
      <c r="K110" s="2"/>
    </row>
    <row r="111" spans="8:11" x14ac:dyDescent="0.15">
      <c r="I111" s="2"/>
      <c r="K111" s="2"/>
    </row>
    <row r="112" spans="8:11" x14ac:dyDescent="0.15">
      <c r="I112" s="2"/>
      <c r="K112" s="2"/>
    </row>
    <row r="113" spans="9:11" x14ac:dyDescent="0.15">
      <c r="I113" s="2"/>
      <c r="K113" s="2"/>
    </row>
    <row r="114" spans="9:11" x14ac:dyDescent="0.15">
      <c r="I114" s="2"/>
      <c r="K114" s="2"/>
    </row>
    <row r="115" spans="9:11" x14ac:dyDescent="0.15">
      <c r="I115" s="2"/>
      <c r="K115" s="2"/>
    </row>
    <row r="116" spans="9:11" x14ac:dyDescent="0.15">
      <c r="I116" s="2"/>
      <c r="K116" s="2"/>
    </row>
    <row r="117" spans="9:11" x14ac:dyDescent="0.15">
      <c r="I117" s="2"/>
      <c r="K117" s="2"/>
    </row>
    <row r="118" spans="9:11" x14ac:dyDescent="0.15">
      <c r="I118" s="2"/>
      <c r="K118" s="2"/>
    </row>
    <row r="119" spans="9:11" x14ac:dyDescent="0.15">
      <c r="I119" s="2"/>
      <c r="K119" s="2"/>
    </row>
    <row r="120" spans="9:11" x14ac:dyDescent="0.15">
      <c r="I120" s="2"/>
      <c r="K120" s="2"/>
    </row>
    <row r="121" spans="9:11" x14ac:dyDescent="0.15">
      <c r="I121" s="2"/>
      <c r="K121" s="2"/>
    </row>
    <row r="122" spans="9:11" x14ac:dyDescent="0.15">
      <c r="I122" s="2"/>
      <c r="K122" s="2"/>
    </row>
    <row r="123" spans="9:11" x14ac:dyDescent="0.15">
      <c r="I123" s="2"/>
      <c r="K123" s="2"/>
    </row>
    <row r="124" spans="9:11" x14ac:dyDescent="0.15">
      <c r="I124" s="2"/>
      <c r="K124" s="2"/>
    </row>
    <row r="125" spans="9:11" x14ac:dyDescent="0.15">
      <c r="I125" s="2"/>
      <c r="K125" s="2"/>
    </row>
    <row r="126" spans="9:11" x14ac:dyDescent="0.15">
      <c r="I126" s="2"/>
      <c r="K126" s="2"/>
    </row>
    <row r="127" spans="9:11" x14ac:dyDescent="0.15">
      <c r="I127" s="2"/>
      <c r="K127" s="2"/>
    </row>
    <row r="128" spans="9:11" x14ac:dyDescent="0.15">
      <c r="I128" s="2"/>
      <c r="K128" s="2"/>
    </row>
    <row r="129" spans="9:11" x14ac:dyDescent="0.15">
      <c r="I129" s="2"/>
      <c r="K129" s="2"/>
    </row>
    <row r="130" spans="9:11" x14ac:dyDescent="0.15">
      <c r="I130" s="2"/>
      <c r="K130" s="2"/>
    </row>
    <row r="131" spans="9:11" x14ac:dyDescent="0.15">
      <c r="I131" s="2"/>
      <c r="K131" s="2"/>
    </row>
    <row r="132" spans="9:11" x14ac:dyDescent="0.15">
      <c r="I132" s="2"/>
      <c r="K132" s="2"/>
    </row>
    <row r="133" spans="9:11" x14ac:dyDescent="0.15">
      <c r="I133" s="2"/>
      <c r="K133" s="2"/>
    </row>
    <row r="134" spans="9:11" x14ac:dyDescent="0.15">
      <c r="I134" s="2"/>
      <c r="K134" s="2"/>
    </row>
    <row r="135" spans="9:11" x14ac:dyDescent="0.15">
      <c r="I135" s="2"/>
      <c r="K135" s="2"/>
    </row>
    <row r="136" spans="9:11" x14ac:dyDescent="0.15">
      <c r="I136" s="2"/>
      <c r="K136" s="2"/>
    </row>
    <row r="137" spans="9:11" x14ac:dyDescent="0.15">
      <c r="I137" s="2"/>
      <c r="K137" s="2"/>
    </row>
    <row r="138" spans="9:11" x14ac:dyDescent="0.15">
      <c r="I138" s="2"/>
      <c r="K138" s="2"/>
    </row>
    <row r="139" spans="9:11" x14ac:dyDescent="0.15">
      <c r="I139" s="2"/>
      <c r="K139" s="2"/>
    </row>
    <row r="140" spans="9:11" x14ac:dyDescent="0.15">
      <c r="I140" s="2"/>
      <c r="K140" s="2"/>
    </row>
    <row r="141" spans="9:11" x14ac:dyDescent="0.15">
      <c r="I141" s="2"/>
      <c r="K141" s="2"/>
    </row>
    <row r="142" spans="9:11" x14ac:dyDescent="0.15">
      <c r="I142" s="2"/>
      <c r="K142" s="2"/>
    </row>
    <row r="143" spans="9:11" x14ac:dyDescent="0.15">
      <c r="I143" s="2"/>
      <c r="K143" s="2"/>
    </row>
    <row r="144" spans="9:11" x14ac:dyDescent="0.15">
      <c r="I144" s="2"/>
      <c r="K144" s="2"/>
    </row>
    <row r="145" spans="9:11" x14ac:dyDescent="0.15">
      <c r="I145" s="2"/>
      <c r="K145" s="2"/>
    </row>
    <row r="146" spans="9:11" x14ac:dyDescent="0.15">
      <c r="I146" s="2"/>
      <c r="K146" s="2"/>
    </row>
    <row r="147" spans="9:11" x14ac:dyDescent="0.15">
      <c r="I147" s="2"/>
      <c r="K147" s="2"/>
    </row>
    <row r="148" spans="9:11" x14ac:dyDescent="0.15">
      <c r="I148" s="2"/>
      <c r="K148" s="2"/>
    </row>
    <row r="149" spans="9:11" x14ac:dyDescent="0.15">
      <c r="I149" s="2"/>
      <c r="K149" s="2"/>
    </row>
    <row r="150" spans="9:11" x14ac:dyDescent="0.15">
      <c r="I150" s="2"/>
      <c r="K150" s="2"/>
    </row>
    <row r="151" spans="9:11" x14ac:dyDescent="0.15">
      <c r="I151" s="2"/>
      <c r="K151" s="2"/>
    </row>
    <row r="152" spans="9:11" x14ac:dyDescent="0.15">
      <c r="I152" s="2"/>
      <c r="K152" s="2"/>
    </row>
    <row r="153" spans="9:11" x14ac:dyDescent="0.15">
      <c r="I153" s="2"/>
      <c r="K153" s="2"/>
    </row>
    <row r="154" spans="9:11" x14ac:dyDescent="0.15">
      <c r="I154" s="2"/>
      <c r="K154" s="2"/>
    </row>
    <row r="155" spans="9:11" x14ac:dyDescent="0.15">
      <c r="I155" s="2"/>
      <c r="K155" s="2"/>
    </row>
    <row r="156" spans="9:11" x14ac:dyDescent="0.15">
      <c r="I156" s="2"/>
      <c r="K156" s="2"/>
    </row>
    <row r="157" spans="9:11" x14ac:dyDescent="0.15">
      <c r="I157" s="2"/>
      <c r="K157" s="2"/>
    </row>
    <row r="158" spans="9:11" x14ac:dyDescent="0.15">
      <c r="I158" s="2"/>
      <c r="K158" s="2"/>
    </row>
    <row r="159" spans="9:11" x14ac:dyDescent="0.15">
      <c r="I159" s="2"/>
      <c r="K159" s="2"/>
    </row>
    <row r="160" spans="9:11" x14ac:dyDescent="0.15">
      <c r="I160" s="2"/>
      <c r="K160" s="2"/>
    </row>
    <row r="161" spans="9:11" x14ac:dyDescent="0.15">
      <c r="I161" s="2"/>
      <c r="K161" s="2"/>
    </row>
    <row r="162" spans="9:11" x14ac:dyDescent="0.15">
      <c r="I162" s="2"/>
      <c r="K162" s="2"/>
    </row>
    <row r="163" spans="9:11" x14ac:dyDescent="0.15">
      <c r="I163" s="2"/>
      <c r="K163" s="2"/>
    </row>
    <row r="164" spans="9:11" x14ac:dyDescent="0.15">
      <c r="I164" s="2"/>
      <c r="K164" s="2"/>
    </row>
    <row r="165" spans="9:11" x14ac:dyDescent="0.15">
      <c r="I165" s="2"/>
      <c r="K165" s="2"/>
    </row>
    <row r="178" spans="9:11" x14ac:dyDescent="0.15">
      <c r="I178" s="2"/>
      <c r="K178" s="2"/>
    </row>
    <row r="179" spans="9:11" x14ac:dyDescent="0.15">
      <c r="I179" s="2"/>
      <c r="K179" s="2"/>
    </row>
    <row r="180" spans="9:11" x14ac:dyDescent="0.15">
      <c r="I180" s="2"/>
      <c r="K180" s="2"/>
    </row>
    <row r="181" spans="9:11" x14ac:dyDescent="0.15">
      <c r="I181" s="2"/>
      <c r="K181" s="2"/>
    </row>
    <row r="182" spans="9:11" x14ac:dyDescent="0.15">
      <c r="I182" s="2"/>
      <c r="K182" s="2"/>
    </row>
    <row r="183" spans="9:11" x14ac:dyDescent="0.15">
      <c r="I183" s="2"/>
      <c r="K183" s="2"/>
    </row>
  </sheetData>
  <mergeCells count="30">
    <mergeCell ref="H105:K105"/>
    <mergeCell ref="H106:K106"/>
    <mergeCell ref="H107:K107"/>
    <mergeCell ref="H100:K100"/>
    <mergeCell ref="H101:K101"/>
    <mergeCell ref="H102:K102"/>
    <mergeCell ref="H103:K103"/>
    <mergeCell ref="H104:K104"/>
    <mergeCell ref="B59:K59"/>
    <mergeCell ref="H58:K58"/>
    <mergeCell ref="B50:C50"/>
    <mergeCell ref="D50:E50"/>
    <mergeCell ref="B14:K14"/>
    <mergeCell ref="H51:K51"/>
    <mergeCell ref="H54:K54"/>
    <mergeCell ref="H55:K55"/>
    <mergeCell ref="H56:K56"/>
    <mergeCell ref="H57:K57"/>
    <mergeCell ref="H52:K52"/>
    <mergeCell ref="H53:K53"/>
    <mergeCell ref="H10:K10"/>
    <mergeCell ref="H11:K11"/>
    <mergeCell ref="H12:K12"/>
    <mergeCell ref="H13:K13"/>
    <mergeCell ref="B5:C5"/>
    <mergeCell ref="D5:E5"/>
    <mergeCell ref="H7:K7"/>
    <mergeCell ref="H8:K8"/>
    <mergeCell ref="H6:K6"/>
    <mergeCell ref="H9:K9"/>
  </mergeCells>
  <phoneticPr fontId="1"/>
  <pageMargins left="0.62" right="0.48" top="0.78" bottom="0.59055118110236227" header="0.51181102362204722" footer="0.73"/>
  <pageSetup paperSize="9" scale="94" orientation="portrait" r:id="rId1"/>
  <headerFooter alignWithMargins="0"/>
  <rowBreaks count="1" manualBreakCount="1">
    <brk id="45" max="11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Q320"/>
  <sheetViews>
    <sheetView view="pageBreakPreview" topLeftCell="B1" zoomScaleNormal="75" workbookViewId="0">
      <selection activeCell="C20" sqref="C20"/>
    </sheetView>
  </sheetViews>
  <sheetFormatPr defaultColWidth="9" defaultRowHeight="13.5" x14ac:dyDescent="0.15"/>
  <cols>
    <col min="1" max="1" width="1.5" style="1" hidden="1" customWidth="1"/>
    <col min="2" max="2" width="10.25" style="2" customWidth="1"/>
    <col min="3" max="3" width="17.375" style="1" customWidth="1"/>
    <col min="4" max="5" width="1.75" style="1" customWidth="1"/>
    <col min="6" max="6" width="10.25" style="2" customWidth="1"/>
    <col min="7" max="7" width="17.375" style="1" customWidth="1"/>
    <col min="8" max="9" width="2.25" style="1" customWidth="1"/>
    <col min="10" max="10" width="10.25" style="1" customWidth="1"/>
    <col min="11" max="11" width="20.25" style="1" customWidth="1"/>
    <col min="12" max="12" width="3.875" style="1" customWidth="1"/>
    <col min="13" max="16384" width="9" style="1"/>
  </cols>
  <sheetData>
    <row r="1" spans="1:17" ht="13.5" customHeight="1" x14ac:dyDescent="0.15">
      <c r="A1" s="1" t="s">
        <v>6</v>
      </c>
      <c r="B1" s="24" t="s">
        <v>9</v>
      </c>
    </row>
    <row r="2" spans="1:17" ht="13.5" customHeight="1" x14ac:dyDescent="0.15">
      <c r="K2" s="27" t="s">
        <v>7</v>
      </c>
    </row>
    <row r="3" spans="1:17" ht="13.5" customHeight="1" x14ac:dyDescent="0.15">
      <c r="J3" s="27" t="s">
        <v>22</v>
      </c>
      <c r="K3" s="27" t="s">
        <v>23</v>
      </c>
    </row>
    <row r="4" spans="1:17" ht="13.5" customHeight="1" x14ac:dyDescent="0.15"/>
    <row r="5" spans="1:17" ht="19.5" customHeight="1" x14ac:dyDescent="0.15">
      <c r="A5" s="4" t="s">
        <v>10</v>
      </c>
      <c r="B5" s="33" t="s">
        <v>17</v>
      </c>
      <c r="C5" s="33"/>
      <c r="D5" s="34" t="s">
        <v>16</v>
      </c>
      <c r="E5" s="34"/>
    </row>
    <row r="6" spans="1:17" ht="19.5" customHeight="1" x14ac:dyDescent="0.15">
      <c r="A6" s="4"/>
      <c r="H6" s="31" t="s">
        <v>0</v>
      </c>
      <c r="I6" s="31"/>
      <c r="J6" s="31"/>
      <c r="K6" s="31"/>
    </row>
    <row r="7" spans="1:17" ht="13.5" customHeight="1" x14ac:dyDescent="0.15">
      <c r="G7" s="18"/>
      <c r="H7" s="32" t="s">
        <v>1</v>
      </c>
      <c r="I7" s="32"/>
      <c r="J7" s="32"/>
      <c r="K7" s="32"/>
    </row>
    <row r="8" spans="1:17" ht="13.5" customHeight="1" x14ac:dyDescent="0.15">
      <c r="H8" s="31" t="s">
        <v>24</v>
      </c>
      <c r="I8" s="31"/>
      <c r="J8" s="31"/>
      <c r="K8" s="31"/>
    </row>
    <row r="9" spans="1:17" ht="13.5" customHeight="1" x14ac:dyDescent="0.15">
      <c r="H9" s="31" t="s">
        <v>27</v>
      </c>
      <c r="I9" s="31"/>
      <c r="J9" s="31"/>
      <c r="K9" s="31"/>
    </row>
    <row r="10" spans="1:17" ht="13.5" customHeight="1" x14ac:dyDescent="0.15">
      <c r="H10" s="31" t="s">
        <v>25</v>
      </c>
      <c r="I10" s="31"/>
      <c r="J10" s="31"/>
      <c r="K10" s="31"/>
    </row>
    <row r="11" spans="1:17" ht="13.5" customHeight="1" x14ac:dyDescent="0.15">
      <c r="H11" s="35" t="s">
        <v>28</v>
      </c>
      <c r="I11" s="35"/>
      <c r="J11" s="35"/>
      <c r="K11" s="35"/>
    </row>
    <row r="12" spans="1:17" ht="13.5" customHeight="1" x14ac:dyDescent="0.15">
      <c r="H12" s="35" t="s">
        <v>26</v>
      </c>
      <c r="I12" s="35"/>
      <c r="J12" s="35"/>
      <c r="K12" s="35"/>
    </row>
    <row r="13" spans="1:17" ht="13.5" customHeight="1" x14ac:dyDescent="0.15">
      <c r="H13" s="35" t="s">
        <v>29</v>
      </c>
      <c r="I13" s="35"/>
      <c r="J13" s="35"/>
      <c r="K13" s="35"/>
    </row>
    <row r="14" spans="1:17" ht="39.75" customHeight="1" x14ac:dyDescent="0.2">
      <c r="A14" s="30" t="s">
        <v>3</v>
      </c>
      <c r="B14" s="30"/>
      <c r="C14" s="30"/>
      <c r="D14" s="30"/>
      <c r="E14" s="30"/>
      <c r="F14" s="30"/>
      <c r="G14" s="30"/>
      <c r="H14" s="30"/>
      <c r="I14" s="30"/>
      <c r="J14" s="30"/>
      <c r="K14" s="30"/>
    </row>
    <row r="15" spans="1:17" s="3" customFormat="1" ht="43.5" customHeight="1" x14ac:dyDescent="0.15">
      <c r="B15" s="6" t="s">
        <v>2</v>
      </c>
      <c r="F15" s="6"/>
      <c r="N15" s="1"/>
      <c r="O15" s="1"/>
      <c r="P15" s="1"/>
      <c r="Q15" s="1"/>
    </row>
    <row r="16" spans="1:17" s="20" customFormat="1" ht="21.75" customHeight="1" x14ac:dyDescent="0.15">
      <c r="A16" s="29"/>
      <c r="B16" s="9" t="s">
        <v>4</v>
      </c>
      <c r="C16" s="9" t="s">
        <v>5</v>
      </c>
      <c r="D16" s="28"/>
      <c r="E16" s="22"/>
      <c r="F16" s="9" t="s">
        <v>4</v>
      </c>
      <c r="G16" s="9" t="s">
        <v>5</v>
      </c>
      <c r="H16" s="22"/>
      <c r="I16" s="29"/>
      <c r="J16" s="9" t="s">
        <v>4</v>
      </c>
      <c r="K16" s="9" t="s">
        <v>5</v>
      </c>
      <c r="L16" s="29"/>
    </row>
    <row r="17" spans="2:11" s="20" customFormat="1" ht="21.75" customHeight="1" x14ac:dyDescent="0.15">
      <c r="B17" s="9" t="s">
        <v>18</v>
      </c>
      <c r="C17" s="9" t="s">
        <v>30</v>
      </c>
      <c r="D17" s="28"/>
      <c r="E17" s="22"/>
      <c r="F17" s="9"/>
      <c r="G17" s="9"/>
      <c r="H17" s="22"/>
      <c r="I17" s="29"/>
      <c r="J17" s="9"/>
      <c r="K17" s="9"/>
    </row>
    <row r="18" spans="2:11" s="20" customFormat="1" ht="21.75" customHeight="1" x14ac:dyDescent="0.15">
      <c r="B18" s="9"/>
      <c r="C18" s="9"/>
      <c r="D18" s="28"/>
      <c r="E18" s="22"/>
      <c r="F18" s="9"/>
      <c r="G18" s="9"/>
      <c r="H18" s="22"/>
      <c r="I18" s="29"/>
      <c r="J18" s="9"/>
      <c r="K18" s="9"/>
    </row>
    <row r="19" spans="2:11" s="20" customFormat="1" ht="21.75" customHeight="1" x14ac:dyDescent="0.15">
      <c r="B19" s="9"/>
      <c r="C19" s="9"/>
      <c r="D19" s="23"/>
      <c r="E19" s="22"/>
      <c r="F19" s="9"/>
      <c r="G19" s="9"/>
      <c r="H19" s="22"/>
      <c r="I19" s="29"/>
      <c r="J19" s="9"/>
      <c r="K19" s="9"/>
    </row>
    <row r="20" spans="2:11" s="20" customFormat="1" ht="21.75" customHeight="1" x14ac:dyDescent="0.15">
      <c r="B20" s="9"/>
      <c r="C20" s="19"/>
      <c r="D20" s="28"/>
      <c r="E20" s="22"/>
      <c r="F20" s="9"/>
      <c r="G20" s="19"/>
      <c r="H20" s="22"/>
      <c r="I20" s="29"/>
      <c r="J20" s="9"/>
      <c r="K20" s="9"/>
    </row>
    <row r="21" spans="2:11" s="20" customFormat="1" ht="21.75" customHeight="1" x14ac:dyDescent="0.15">
      <c r="B21" s="9"/>
      <c r="C21" s="9"/>
      <c r="D21" s="23"/>
      <c r="E21" s="22"/>
      <c r="F21" s="9"/>
      <c r="G21" s="9"/>
      <c r="H21" s="22"/>
      <c r="I21" s="29"/>
      <c r="J21" s="9"/>
      <c r="K21" s="9"/>
    </row>
    <row r="22" spans="2:11" s="20" customFormat="1" ht="21.75" customHeight="1" x14ac:dyDescent="0.15">
      <c r="B22" s="9"/>
      <c r="C22" s="9"/>
      <c r="D22" s="28"/>
      <c r="E22" s="22"/>
      <c r="F22" s="9"/>
      <c r="G22" s="9"/>
      <c r="H22" s="22"/>
      <c r="I22" s="29"/>
      <c r="J22" s="9"/>
      <c r="K22" s="9"/>
    </row>
    <row r="23" spans="2:11" s="20" customFormat="1" ht="21.75" customHeight="1" x14ac:dyDescent="0.15">
      <c r="B23" s="9"/>
      <c r="C23" s="9"/>
      <c r="D23" s="23"/>
      <c r="E23" s="22"/>
      <c r="F23" s="9"/>
      <c r="G23" s="25"/>
      <c r="H23" s="22"/>
      <c r="I23" s="29"/>
      <c r="J23" s="9"/>
      <c r="K23" s="9"/>
    </row>
    <row r="24" spans="2:11" s="20" customFormat="1" ht="21.75" customHeight="1" x14ac:dyDescent="0.15">
      <c r="B24" s="9"/>
      <c r="C24" s="9"/>
      <c r="D24" s="28"/>
      <c r="E24" s="22"/>
      <c r="F24" s="9"/>
      <c r="G24" s="9"/>
      <c r="H24" s="22"/>
      <c r="I24" s="29"/>
      <c r="J24" s="9"/>
      <c r="K24" s="9"/>
    </row>
    <row r="25" spans="2:11" s="20" customFormat="1" ht="21.75" customHeight="1" x14ac:dyDescent="0.15">
      <c r="B25" s="9"/>
      <c r="C25" s="19"/>
      <c r="D25" s="28"/>
      <c r="E25" s="22"/>
      <c r="F25" s="9"/>
      <c r="G25" s="19"/>
      <c r="H25" s="22"/>
      <c r="I25" s="29"/>
      <c r="J25" s="9"/>
      <c r="K25" s="9"/>
    </row>
    <row r="26" spans="2:11" s="20" customFormat="1" ht="21.75" customHeight="1" x14ac:dyDescent="0.15">
      <c r="B26" s="9"/>
      <c r="C26" s="19"/>
      <c r="D26" s="28"/>
      <c r="E26" s="22"/>
      <c r="F26" s="9"/>
      <c r="G26" s="19"/>
      <c r="H26" s="22"/>
      <c r="I26" s="29"/>
      <c r="J26" s="9"/>
      <c r="K26" s="9"/>
    </row>
    <row r="27" spans="2:11" s="20" customFormat="1" ht="21.75" customHeight="1" x14ac:dyDescent="0.15">
      <c r="B27" s="9"/>
      <c r="C27" s="19"/>
      <c r="D27" s="23"/>
      <c r="E27" s="22"/>
      <c r="F27" s="9"/>
      <c r="G27" s="19"/>
      <c r="H27" s="22"/>
      <c r="I27" s="29"/>
      <c r="J27" s="9"/>
      <c r="K27" s="9"/>
    </row>
    <row r="28" spans="2:11" s="20" customFormat="1" ht="21.75" customHeight="1" x14ac:dyDescent="0.15">
      <c r="B28" s="9"/>
      <c r="C28" s="19"/>
      <c r="D28" s="28"/>
      <c r="E28" s="22"/>
      <c r="F28" s="9"/>
      <c r="G28" s="19"/>
      <c r="H28" s="22"/>
      <c r="I28" s="29"/>
      <c r="J28" s="9"/>
      <c r="K28" s="9"/>
    </row>
    <row r="29" spans="2:11" s="20" customFormat="1" ht="21.75" customHeight="1" x14ac:dyDescent="0.15">
      <c r="B29" s="9"/>
      <c r="C29" s="19"/>
      <c r="D29" s="23"/>
      <c r="E29" s="22"/>
      <c r="F29" s="9"/>
      <c r="G29" s="19"/>
      <c r="H29" s="22"/>
      <c r="I29" s="29"/>
      <c r="J29" s="9"/>
      <c r="K29" s="9"/>
    </row>
    <row r="30" spans="2:11" s="20" customFormat="1" ht="21.75" customHeight="1" x14ac:dyDescent="0.15">
      <c r="B30" s="9"/>
      <c r="C30" s="9"/>
      <c r="D30" s="28"/>
      <c r="E30" s="22"/>
      <c r="F30" s="9"/>
      <c r="G30" s="9"/>
      <c r="H30" s="22"/>
      <c r="I30" s="29"/>
      <c r="J30" s="9"/>
      <c r="K30" s="9"/>
    </row>
    <row r="31" spans="2:11" s="20" customFormat="1" ht="21.75" customHeight="1" x14ac:dyDescent="0.15">
      <c r="B31" s="9"/>
      <c r="C31" s="9"/>
      <c r="D31" s="28"/>
      <c r="E31" s="22"/>
      <c r="F31" s="9"/>
      <c r="G31" s="9"/>
      <c r="H31" s="22"/>
      <c r="I31" s="29"/>
      <c r="J31" s="9"/>
      <c r="K31" s="9"/>
    </row>
    <row r="32" spans="2:11" s="20" customFormat="1" ht="21.75" customHeight="1" x14ac:dyDescent="0.15">
      <c r="B32" s="9"/>
      <c r="C32" s="9"/>
      <c r="D32" s="28"/>
      <c r="E32" s="22"/>
      <c r="F32" s="9"/>
      <c r="G32" s="9"/>
      <c r="H32" s="22"/>
      <c r="I32" s="29"/>
      <c r="J32" s="9"/>
      <c r="K32" s="9"/>
    </row>
    <row r="33" spans="1:11" s="20" customFormat="1" ht="21.75" customHeight="1" x14ac:dyDescent="0.15">
      <c r="A33" s="29"/>
      <c r="B33" s="9"/>
      <c r="C33" s="19"/>
      <c r="D33" s="28"/>
      <c r="E33" s="22"/>
      <c r="F33" s="9"/>
      <c r="G33" s="19"/>
      <c r="H33" s="22"/>
      <c r="I33" s="29"/>
      <c r="J33" s="9"/>
      <c r="K33" s="9"/>
    </row>
    <row r="34" spans="1:11" s="20" customFormat="1" ht="21.75" customHeight="1" x14ac:dyDescent="0.15">
      <c r="A34" s="29"/>
      <c r="B34" s="9"/>
      <c r="C34" s="9"/>
      <c r="D34" s="28"/>
      <c r="E34" s="22"/>
      <c r="F34" s="9"/>
      <c r="G34" s="9"/>
      <c r="H34" s="22"/>
      <c r="I34" s="29"/>
      <c r="J34" s="9"/>
      <c r="K34" s="9"/>
    </row>
    <row r="35" spans="1:11" s="20" customFormat="1" ht="21.75" customHeight="1" x14ac:dyDescent="0.15">
      <c r="A35" s="29"/>
      <c r="B35" s="9"/>
      <c r="C35" s="19"/>
      <c r="D35" s="23"/>
      <c r="E35" s="22"/>
      <c r="F35" s="9"/>
      <c r="G35" s="19"/>
      <c r="H35" s="22"/>
      <c r="I35" s="29"/>
      <c r="J35" s="9"/>
      <c r="K35" s="9"/>
    </row>
    <row r="36" spans="1:11" s="20" customFormat="1" ht="21.75" customHeight="1" x14ac:dyDescent="0.15">
      <c r="A36" s="29"/>
      <c r="B36" s="9"/>
      <c r="C36" s="9"/>
      <c r="D36" s="28"/>
      <c r="E36" s="22"/>
      <c r="F36" s="9"/>
      <c r="G36" s="9"/>
      <c r="H36" s="22"/>
      <c r="I36" s="29"/>
      <c r="J36" s="9"/>
      <c r="K36" s="9"/>
    </row>
    <row r="37" spans="1:11" ht="9.75" customHeight="1" x14ac:dyDescent="0.15">
      <c r="B37" s="8"/>
      <c r="C37" s="13"/>
      <c r="D37" s="5"/>
      <c r="E37" s="8"/>
      <c r="F37" s="14"/>
      <c r="G37" s="5"/>
      <c r="H37" s="8"/>
      <c r="I37" s="15"/>
      <c r="J37" s="8"/>
      <c r="K37" s="16"/>
    </row>
    <row r="38" spans="1:11" x14ac:dyDescent="0.15">
      <c r="J38" s="2"/>
      <c r="K38" s="27" t="s">
        <v>19</v>
      </c>
    </row>
    <row r="48" spans="1:11" ht="13.5" customHeight="1" x14ac:dyDescent="0.15">
      <c r="A48" s="1" t="s">
        <v>6</v>
      </c>
      <c r="B48" s="24" t="s">
        <v>9</v>
      </c>
    </row>
    <row r="49" spans="1:17" ht="13.5" customHeight="1" x14ac:dyDescent="0.15">
      <c r="K49" s="26" t="s">
        <v>7</v>
      </c>
    </row>
    <row r="50" spans="1:17" ht="13.5" customHeight="1" x14ac:dyDescent="0.15">
      <c r="J50" s="26" t="s">
        <v>22</v>
      </c>
      <c r="K50" s="26" t="s">
        <v>23</v>
      </c>
    </row>
    <row r="51" spans="1:17" ht="13.5" customHeight="1" x14ac:dyDescent="0.15"/>
    <row r="52" spans="1:17" ht="19.5" customHeight="1" x14ac:dyDescent="0.15">
      <c r="A52" s="4" t="s">
        <v>10</v>
      </c>
      <c r="B52" s="33" t="s">
        <v>17</v>
      </c>
      <c r="C52" s="33"/>
      <c r="D52" s="34" t="s">
        <v>16</v>
      </c>
      <c r="E52" s="34"/>
    </row>
    <row r="53" spans="1:17" ht="19.5" customHeight="1" x14ac:dyDescent="0.15">
      <c r="A53" s="4"/>
      <c r="H53" s="31" t="s">
        <v>0</v>
      </c>
      <c r="I53" s="31"/>
      <c r="J53" s="31"/>
      <c r="K53" s="31"/>
    </row>
    <row r="54" spans="1:17" ht="13.5" customHeight="1" x14ac:dyDescent="0.15">
      <c r="G54" s="18"/>
      <c r="H54" s="32" t="s">
        <v>1</v>
      </c>
      <c r="I54" s="32"/>
      <c r="J54" s="32"/>
      <c r="K54" s="32"/>
    </row>
    <row r="55" spans="1:17" ht="13.5" customHeight="1" x14ac:dyDescent="0.15">
      <c r="H55" s="31" t="s">
        <v>24</v>
      </c>
      <c r="I55" s="31"/>
      <c r="J55" s="31"/>
      <c r="K55" s="31"/>
    </row>
    <row r="56" spans="1:17" ht="13.5" customHeight="1" x14ac:dyDescent="0.15">
      <c r="H56" s="31" t="s">
        <v>27</v>
      </c>
      <c r="I56" s="31"/>
      <c r="J56" s="31"/>
      <c r="K56" s="31"/>
    </row>
    <row r="57" spans="1:17" ht="13.5" customHeight="1" x14ac:dyDescent="0.15">
      <c r="H57" s="31" t="s">
        <v>25</v>
      </c>
      <c r="I57" s="31"/>
      <c r="J57" s="31"/>
      <c r="K57" s="31"/>
    </row>
    <row r="58" spans="1:17" ht="13.5" customHeight="1" x14ac:dyDescent="0.15">
      <c r="H58" s="35" t="s">
        <v>28</v>
      </c>
      <c r="I58" s="35"/>
      <c r="J58" s="35"/>
      <c r="K58" s="35"/>
    </row>
    <row r="59" spans="1:17" ht="13.5" customHeight="1" x14ac:dyDescent="0.15">
      <c r="H59" s="35" t="s">
        <v>26</v>
      </c>
      <c r="I59" s="35"/>
      <c r="J59" s="35"/>
      <c r="K59" s="35"/>
    </row>
    <row r="60" spans="1:17" ht="13.5" customHeight="1" x14ac:dyDescent="0.15">
      <c r="H60" s="35" t="s">
        <v>29</v>
      </c>
      <c r="I60" s="35"/>
      <c r="J60" s="35"/>
      <c r="K60" s="35"/>
    </row>
    <row r="61" spans="1:17" ht="39.75" customHeight="1" x14ac:dyDescent="0.2">
      <c r="A61" s="30" t="s">
        <v>3</v>
      </c>
      <c r="B61" s="30"/>
      <c r="C61" s="30"/>
      <c r="D61" s="30"/>
      <c r="E61" s="30"/>
      <c r="F61" s="30"/>
      <c r="G61" s="30"/>
      <c r="H61" s="30"/>
      <c r="I61" s="30"/>
      <c r="J61" s="30"/>
      <c r="K61" s="30"/>
      <c r="L61" s="3"/>
    </row>
    <row r="62" spans="1:17" s="3" customFormat="1" ht="43.5" customHeight="1" x14ac:dyDescent="0.15">
      <c r="B62" s="6" t="s">
        <v>2</v>
      </c>
      <c r="F62" s="6"/>
      <c r="L62" s="1"/>
      <c r="N62" s="1"/>
      <c r="O62" s="1"/>
      <c r="P62" s="1"/>
      <c r="Q62" s="1"/>
    </row>
    <row r="63" spans="1:17" s="20" customFormat="1" ht="21.75" customHeight="1" x14ac:dyDescent="0.15">
      <c r="B63" s="9" t="s">
        <v>4</v>
      </c>
      <c r="C63" s="9" t="s">
        <v>5</v>
      </c>
      <c r="D63" s="21"/>
      <c r="E63" s="22"/>
      <c r="F63" s="9" t="s">
        <v>4</v>
      </c>
      <c r="G63" s="9" t="s">
        <v>5</v>
      </c>
      <c r="H63" s="22"/>
      <c r="J63" s="9" t="s">
        <v>4</v>
      </c>
      <c r="K63" s="9" t="s">
        <v>5</v>
      </c>
    </row>
    <row r="64" spans="1:17" s="20" customFormat="1" ht="21.75" customHeight="1" x14ac:dyDescent="0.15">
      <c r="B64" s="9"/>
      <c r="C64" s="9"/>
      <c r="D64" s="21"/>
      <c r="E64" s="22"/>
      <c r="F64" s="9"/>
      <c r="G64" s="9"/>
      <c r="H64" s="22"/>
      <c r="J64" s="9"/>
      <c r="K64" s="9"/>
    </row>
    <row r="65" spans="2:11" s="20" customFormat="1" ht="21.75" customHeight="1" x14ac:dyDescent="0.15">
      <c r="B65" s="9"/>
      <c r="C65" s="9"/>
      <c r="D65" s="21"/>
      <c r="E65" s="22"/>
      <c r="F65" s="9"/>
      <c r="G65" s="9"/>
      <c r="H65" s="22"/>
      <c r="J65" s="9"/>
      <c r="K65" s="9"/>
    </row>
    <row r="66" spans="2:11" s="20" customFormat="1" ht="21.75" customHeight="1" x14ac:dyDescent="0.15">
      <c r="B66" s="9"/>
      <c r="C66" s="9"/>
      <c r="D66" s="23"/>
      <c r="E66" s="22"/>
      <c r="F66" s="9"/>
      <c r="G66" s="19"/>
      <c r="H66" s="22"/>
      <c r="J66" s="9"/>
      <c r="K66" s="9"/>
    </row>
    <row r="67" spans="2:11" s="20" customFormat="1" ht="21.75" customHeight="1" x14ac:dyDescent="0.15">
      <c r="B67" s="9"/>
      <c r="C67" s="19"/>
      <c r="D67" s="21"/>
      <c r="E67" s="22"/>
      <c r="F67" s="9"/>
      <c r="G67" s="9"/>
      <c r="H67" s="22"/>
      <c r="J67" s="9"/>
      <c r="K67" s="9"/>
    </row>
    <row r="68" spans="2:11" s="20" customFormat="1" ht="21.75" customHeight="1" x14ac:dyDescent="0.15">
      <c r="B68" s="9"/>
      <c r="C68" s="9"/>
      <c r="D68" s="23"/>
      <c r="E68" s="22"/>
      <c r="F68" s="9"/>
      <c r="G68" s="9"/>
      <c r="H68" s="22"/>
      <c r="J68" s="9"/>
      <c r="K68" s="9"/>
    </row>
    <row r="69" spans="2:11" s="20" customFormat="1" ht="21.75" customHeight="1" x14ac:dyDescent="0.15">
      <c r="B69" s="9"/>
      <c r="C69" s="9"/>
      <c r="D69" s="21"/>
      <c r="E69" s="22"/>
      <c r="F69" s="9"/>
      <c r="G69" s="9"/>
      <c r="H69" s="22"/>
      <c r="J69" s="9"/>
      <c r="K69" s="9"/>
    </row>
    <row r="70" spans="2:11" s="20" customFormat="1" ht="21.75" customHeight="1" x14ac:dyDescent="0.15">
      <c r="B70" s="9"/>
      <c r="C70" s="9"/>
      <c r="D70" s="23"/>
      <c r="E70" s="22"/>
      <c r="F70" s="9"/>
      <c r="G70" s="9"/>
      <c r="H70" s="22"/>
      <c r="J70" s="9"/>
      <c r="K70" s="9"/>
    </row>
    <row r="71" spans="2:11" s="20" customFormat="1" ht="21.75" customHeight="1" x14ac:dyDescent="0.15">
      <c r="B71" s="9"/>
      <c r="C71" s="9"/>
      <c r="D71" s="21"/>
      <c r="E71" s="22"/>
      <c r="F71" s="9"/>
      <c r="G71" s="19"/>
      <c r="H71" s="22"/>
      <c r="J71" s="9"/>
      <c r="K71" s="9"/>
    </row>
    <row r="72" spans="2:11" s="20" customFormat="1" ht="21.75" customHeight="1" x14ac:dyDescent="0.15">
      <c r="B72" s="9"/>
      <c r="C72" s="19"/>
      <c r="D72" s="21"/>
      <c r="E72" s="22"/>
      <c r="F72" s="9"/>
      <c r="G72" s="19"/>
      <c r="H72" s="22"/>
      <c r="J72" s="9"/>
      <c r="K72" s="9"/>
    </row>
    <row r="73" spans="2:11" s="20" customFormat="1" ht="21.75" customHeight="1" x14ac:dyDescent="0.15">
      <c r="B73" s="9"/>
      <c r="C73" s="19"/>
      <c r="D73" s="21"/>
      <c r="E73" s="22"/>
      <c r="F73" s="9"/>
      <c r="G73" s="19"/>
      <c r="H73" s="22"/>
      <c r="J73" s="9"/>
      <c r="K73" s="9"/>
    </row>
    <row r="74" spans="2:11" s="20" customFormat="1" ht="21.75" customHeight="1" x14ac:dyDescent="0.15">
      <c r="B74" s="9"/>
      <c r="C74" s="19"/>
      <c r="D74" s="23"/>
      <c r="E74" s="22"/>
      <c r="F74" s="9"/>
      <c r="G74" s="19"/>
      <c r="H74" s="22"/>
      <c r="J74" s="9"/>
      <c r="K74" s="9"/>
    </row>
    <row r="75" spans="2:11" s="20" customFormat="1" ht="21.75" customHeight="1" x14ac:dyDescent="0.15">
      <c r="B75" s="9"/>
      <c r="C75" s="19"/>
      <c r="D75" s="21"/>
      <c r="E75" s="22"/>
      <c r="F75" s="9"/>
      <c r="G75" s="19"/>
      <c r="H75" s="22"/>
      <c r="J75" s="9"/>
      <c r="K75" s="9"/>
    </row>
    <row r="76" spans="2:11" s="20" customFormat="1" ht="21.75" customHeight="1" x14ac:dyDescent="0.15">
      <c r="B76" s="9"/>
      <c r="C76" s="19"/>
      <c r="D76" s="23"/>
      <c r="E76" s="22"/>
      <c r="F76" s="9"/>
      <c r="G76" s="9"/>
      <c r="H76" s="22"/>
      <c r="J76" s="9"/>
      <c r="K76" s="9"/>
    </row>
    <row r="77" spans="2:11" s="20" customFormat="1" ht="21.75" customHeight="1" x14ac:dyDescent="0.15">
      <c r="B77" s="9"/>
      <c r="C77" s="9"/>
      <c r="D77" s="21"/>
      <c r="E77" s="22"/>
      <c r="F77" s="9"/>
      <c r="G77" s="9"/>
      <c r="H77" s="22"/>
      <c r="J77" s="9"/>
      <c r="K77" s="9"/>
    </row>
    <row r="78" spans="2:11" s="20" customFormat="1" ht="21.75" customHeight="1" x14ac:dyDescent="0.15">
      <c r="B78" s="9"/>
      <c r="C78" s="9"/>
      <c r="D78" s="21"/>
      <c r="E78" s="22"/>
      <c r="F78" s="9"/>
      <c r="G78" s="9"/>
      <c r="H78" s="22"/>
      <c r="J78" s="9"/>
      <c r="K78" s="9"/>
    </row>
    <row r="79" spans="2:11" s="20" customFormat="1" ht="21.75" customHeight="1" x14ac:dyDescent="0.15">
      <c r="B79" s="9"/>
      <c r="C79" s="9"/>
      <c r="D79" s="21"/>
      <c r="E79" s="22"/>
      <c r="F79" s="9"/>
      <c r="G79" s="19"/>
      <c r="H79" s="22"/>
      <c r="J79" s="9"/>
      <c r="K79" s="9"/>
    </row>
    <row r="80" spans="2:11" s="20" customFormat="1" ht="21.75" customHeight="1" x14ac:dyDescent="0.15">
      <c r="B80" s="9"/>
      <c r="C80" s="19"/>
      <c r="D80" s="21"/>
      <c r="E80" s="22"/>
      <c r="F80" s="9"/>
      <c r="G80" s="9"/>
      <c r="H80" s="22"/>
      <c r="J80" s="9"/>
      <c r="K80" s="9"/>
    </row>
    <row r="81" spans="1:11" s="20" customFormat="1" ht="21.75" customHeight="1" x14ac:dyDescent="0.15">
      <c r="B81" s="9"/>
      <c r="C81" s="9"/>
      <c r="D81" s="21"/>
      <c r="E81" s="22"/>
      <c r="F81" s="9"/>
      <c r="G81" s="19"/>
      <c r="H81" s="22"/>
      <c r="J81" s="9"/>
      <c r="K81" s="9"/>
    </row>
    <row r="82" spans="1:11" s="20" customFormat="1" ht="21.75" customHeight="1" x14ac:dyDescent="0.15">
      <c r="B82" s="9"/>
      <c r="C82" s="19"/>
      <c r="D82" s="23"/>
      <c r="E82" s="22"/>
      <c r="F82" s="9"/>
      <c r="G82" s="9"/>
      <c r="H82" s="22"/>
      <c r="J82" s="9"/>
      <c r="K82" s="9"/>
    </row>
    <row r="83" spans="1:11" s="20" customFormat="1" ht="21.75" customHeight="1" x14ac:dyDescent="0.15">
      <c r="B83" s="9"/>
      <c r="C83" s="9"/>
      <c r="D83" s="21"/>
      <c r="E83" s="22"/>
      <c r="F83" s="9"/>
      <c r="G83" s="9"/>
      <c r="H83" s="22"/>
      <c r="J83" s="9"/>
      <c r="K83" s="9"/>
    </row>
    <row r="84" spans="1:11" ht="9.75" customHeight="1" x14ac:dyDescent="0.15">
      <c r="B84" s="8"/>
      <c r="C84" s="13"/>
      <c r="D84" s="5"/>
      <c r="E84" s="8"/>
      <c r="F84" s="14"/>
      <c r="G84" s="5"/>
      <c r="H84" s="8"/>
      <c r="I84" s="15"/>
      <c r="J84" s="8"/>
      <c r="K84" s="16"/>
    </row>
    <row r="85" spans="1:11" x14ac:dyDescent="0.15">
      <c r="J85" s="2"/>
      <c r="K85" s="7" t="s">
        <v>20</v>
      </c>
    </row>
    <row r="95" spans="1:11" ht="13.5" customHeight="1" x14ac:dyDescent="0.15">
      <c r="A95" s="1" t="s">
        <v>6</v>
      </c>
      <c r="B95" s="24" t="s">
        <v>9</v>
      </c>
    </row>
    <row r="96" spans="1:11" ht="13.5" customHeight="1" x14ac:dyDescent="0.15">
      <c r="K96" s="26" t="s">
        <v>7</v>
      </c>
    </row>
    <row r="97" spans="1:17" ht="13.5" customHeight="1" x14ac:dyDescent="0.15">
      <c r="J97" s="26" t="s">
        <v>22</v>
      </c>
      <c r="K97" s="26" t="s">
        <v>23</v>
      </c>
    </row>
    <row r="98" spans="1:17" ht="13.5" customHeight="1" x14ac:dyDescent="0.15"/>
    <row r="99" spans="1:17" ht="19.5" customHeight="1" x14ac:dyDescent="0.15">
      <c r="A99" s="4" t="s">
        <v>10</v>
      </c>
      <c r="B99" s="33" t="s">
        <v>17</v>
      </c>
      <c r="C99" s="33"/>
      <c r="D99" s="34" t="s">
        <v>16</v>
      </c>
      <c r="E99" s="34"/>
    </row>
    <row r="100" spans="1:17" ht="19.5" customHeight="1" x14ac:dyDescent="0.15">
      <c r="A100" s="4"/>
      <c r="H100" s="31" t="s">
        <v>0</v>
      </c>
      <c r="I100" s="31"/>
      <c r="J100" s="31"/>
      <c r="K100" s="31"/>
    </row>
    <row r="101" spans="1:17" ht="13.5" customHeight="1" x14ac:dyDescent="0.15">
      <c r="G101" s="18"/>
      <c r="H101" s="32" t="s">
        <v>1</v>
      </c>
      <c r="I101" s="32"/>
      <c r="J101" s="32"/>
      <c r="K101" s="32"/>
    </row>
    <row r="102" spans="1:17" ht="13.5" customHeight="1" x14ac:dyDescent="0.15">
      <c r="H102" s="31" t="s">
        <v>24</v>
      </c>
      <c r="I102" s="31"/>
      <c r="J102" s="31"/>
      <c r="K102" s="31"/>
    </row>
    <row r="103" spans="1:17" ht="13.5" customHeight="1" x14ac:dyDescent="0.15">
      <c r="H103" s="31" t="s">
        <v>27</v>
      </c>
      <c r="I103" s="31"/>
      <c r="J103" s="31"/>
      <c r="K103" s="31"/>
    </row>
    <row r="104" spans="1:17" ht="13.5" customHeight="1" x14ac:dyDescent="0.15">
      <c r="H104" s="31" t="s">
        <v>25</v>
      </c>
      <c r="I104" s="31"/>
      <c r="J104" s="31"/>
      <c r="K104" s="31"/>
    </row>
    <row r="105" spans="1:17" ht="13.5" customHeight="1" x14ac:dyDescent="0.15">
      <c r="H105" s="35" t="s">
        <v>28</v>
      </c>
      <c r="I105" s="35"/>
      <c r="J105" s="35"/>
      <c r="K105" s="35"/>
    </row>
    <row r="106" spans="1:17" ht="13.5" customHeight="1" x14ac:dyDescent="0.15">
      <c r="H106" s="35" t="s">
        <v>26</v>
      </c>
      <c r="I106" s="35"/>
      <c r="J106" s="35"/>
      <c r="K106" s="35"/>
    </row>
    <row r="107" spans="1:17" ht="13.5" customHeight="1" x14ac:dyDescent="0.15">
      <c r="H107" s="35" t="s">
        <v>29</v>
      </c>
      <c r="I107" s="35"/>
      <c r="J107" s="35"/>
      <c r="K107" s="35"/>
    </row>
    <row r="108" spans="1:17" ht="39.75" customHeight="1" x14ac:dyDescent="0.2">
      <c r="A108" s="30" t="s">
        <v>3</v>
      </c>
      <c r="B108" s="30"/>
      <c r="C108" s="30"/>
      <c r="D108" s="30"/>
      <c r="E108" s="30"/>
      <c r="F108" s="30"/>
      <c r="G108" s="30"/>
      <c r="H108" s="30"/>
      <c r="I108" s="30"/>
      <c r="J108" s="30"/>
      <c r="K108" s="30"/>
    </row>
    <row r="109" spans="1:17" s="3" customFormat="1" ht="43.5" customHeight="1" x14ac:dyDescent="0.15">
      <c r="B109" s="6" t="s">
        <v>2</v>
      </c>
      <c r="F109" s="6"/>
      <c r="L109" s="1"/>
      <c r="N109" s="1"/>
      <c r="O109" s="1"/>
      <c r="P109" s="1"/>
      <c r="Q109" s="1"/>
    </row>
    <row r="110" spans="1:17" ht="21.75" customHeight="1" x14ac:dyDescent="0.15">
      <c r="B110" s="9" t="s">
        <v>4</v>
      </c>
      <c r="C110" s="9" t="s">
        <v>5</v>
      </c>
      <c r="D110" s="3"/>
      <c r="E110" s="8"/>
      <c r="F110" s="9" t="s">
        <v>4</v>
      </c>
      <c r="G110" s="9" t="s">
        <v>5</v>
      </c>
      <c r="H110" s="8"/>
      <c r="J110" s="9" t="s">
        <v>4</v>
      </c>
      <c r="K110" s="9" t="s">
        <v>5</v>
      </c>
    </row>
    <row r="111" spans="1:17" ht="21.75" customHeight="1" x14ac:dyDescent="0.15">
      <c r="B111" s="9"/>
      <c r="C111" s="11"/>
      <c r="D111" s="3"/>
      <c r="E111" s="8"/>
      <c r="F111" s="11"/>
      <c r="G111" s="11"/>
      <c r="H111" s="8"/>
      <c r="J111" s="9"/>
      <c r="K111" s="11"/>
    </row>
    <row r="112" spans="1:17" ht="21.75" customHeight="1" x14ac:dyDescent="0.15">
      <c r="B112" s="9"/>
      <c r="C112" s="11"/>
      <c r="D112" s="3"/>
      <c r="E112" s="8"/>
      <c r="F112" s="11"/>
      <c r="G112" s="10"/>
      <c r="H112" s="8"/>
      <c r="J112" s="9"/>
      <c r="K112" s="11"/>
    </row>
    <row r="113" spans="2:11" ht="21.75" customHeight="1" x14ac:dyDescent="0.15">
      <c r="B113" s="9"/>
      <c r="C113" s="10"/>
      <c r="D113" s="5"/>
      <c r="E113" s="8"/>
      <c r="F113" s="11"/>
      <c r="G113" s="10"/>
      <c r="H113" s="8"/>
      <c r="J113" s="9"/>
      <c r="K113" s="11"/>
    </row>
    <row r="114" spans="2:11" ht="21.75" customHeight="1" x14ac:dyDescent="0.15">
      <c r="B114" s="9"/>
      <c r="C114" s="10"/>
      <c r="D114" s="3"/>
      <c r="E114" s="8"/>
      <c r="F114" s="11"/>
      <c r="G114" s="12"/>
      <c r="H114" s="8"/>
      <c r="J114" s="9"/>
      <c r="K114" s="11"/>
    </row>
    <row r="115" spans="2:11" ht="21.75" customHeight="1" x14ac:dyDescent="0.15">
      <c r="B115" s="9"/>
      <c r="C115" s="12"/>
      <c r="D115" s="5"/>
      <c r="E115" s="8"/>
      <c r="F115" s="11"/>
      <c r="G115" s="10"/>
      <c r="H115" s="8"/>
      <c r="J115" s="9"/>
      <c r="K115" s="11"/>
    </row>
    <row r="116" spans="2:11" ht="21.75" customHeight="1" x14ac:dyDescent="0.15">
      <c r="B116" s="9"/>
      <c r="C116" s="10"/>
      <c r="D116" s="3"/>
      <c r="E116" s="8"/>
      <c r="F116" s="11"/>
      <c r="G116" s="10"/>
      <c r="H116" s="8"/>
      <c r="J116" s="9"/>
      <c r="K116" s="11"/>
    </row>
    <row r="117" spans="2:11" ht="21.75" customHeight="1" x14ac:dyDescent="0.15">
      <c r="B117" s="9"/>
      <c r="C117" s="10"/>
      <c r="D117" s="5"/>
      <c r="E117" s="8"/>
      <c r="F117" s="11"/>
      <c r="G117" s="10"/>
      <c r="H117" s="8"/>
      <c r="J117" s="9"/>
      <c r="K117" s="11"/>
    </row>
    <row r="118" spans="2:11" ht="21.75" customHeight="1" x14ac:dyDescent="0.15">
      <c r="B118" s="9"/>
      <c r="C118" s="10"/>
      <c r="D118" s="3"/>
      <c r="E118" s="8"/>
      <c r="F118" s="11"/>
      <c r="G118" s="10"/>
      <c r="H118" s="8"/>
      <c r="J118" s="9"/>
      <c r="K118" s="11"/>
    </row>
    <row r="119" spans="2:11" ht="21.75" customHeight="1" x14ac:dyDescent="0.15">
      <c r="B119" s="9"/>
      <c r="C119" s="10"/>
      <c r="D119" s="3"/>
      <c r="E119" s="8"/>
      <c r="F119" s="11"/>
      <c r="G119" s="12"/>
      <c r="H119" s="8"/>
      <c r="J119" s="9"/>
      <c r="K119" s="11"/>
    </row>
    <row r="120" spans="2:11" ht="21.75" customHeight="1" x14ac:dyDescent="0.15">
      <c r="B120" s="9"/>
      <c r="C120" s="12"/>
      <c r="D120" s="3"/>
      <c r="E120" s="8"/>
      <c r="F120" s="11"/>
      <c r="G120" s="12"/>
      <c r="H120" s="8"/>
      <c r="J120" s="9"/>
      <c r="K120" s="11"/>
    </row>
    <row r="121" spans="2:11" ht="21.75" customHeight="1" x14ac:dyDescent="0.15">
      <c r="B121" s="9"/>
      <c r="C121" s="12"/>
      <c r="D121" s="5"/>
      <c r="E121" s="8"/>
      <c r="F121" s="11"/>
      <c r="G121" s="12"/>
      <c r="H121" s="8"/>
      <c r="J121" s="9"/>
      <c r="K121" s="11"/>
    </row>
    <row r="122" spans="2:11" ht="21.75" customHeight="1" x14ac:dyDescent="0.15">
      <c r="B122" s="9"/>
      <c r="C122" s="12"/>
      <c r="D122" s="3"/>
      <c r="E122" s="8"/>
      <c r="F122" s="11"/>
      <c r="G122" s="12"/>
      <c r="H122" s="8"/>
      <c r="J122" s="9"/>
      <c r="K122" s="11"/>
    </row>
    <row r="123" spans="2:11" ht="21.75" customHeight="1" x14ac:dyDescent="0.15">
      <c r="B123" s="9"/>
      <c r="C123" s="12"/>
      <c r="D123" s="5"/>
      <c r="E123" s="8"/>
      <c r="F123" s="11"/>
      <c r="G123" s="12"/>
      <c r="H123" s="8"/>
      <c r="J123" s="9"/>
      <c r="K123" s="11"/>
    </row>
    <row r="124" spans="2:11" ht="21.75" customHeight="1" x14ac:dyDescent="0.15">
      <c r="B124" s="9"/>
      <c r="C124" s="10"/>
      <c r="D124" s="3"/>
      <c r="E124" s="8"/>
      <c r="F124" s="11"/>
      <c r="G124" s="10"/>
      <c r="H124" s="8"/>
      <c r="J124" s="9"/>
      <c r="K124" s="11"/>
    </row>
    <row r="125" spans="2:11" ht="21.75" customHeight="1" x14ac:dyDescent="0.15">
      <c r="B125" s="9"/>
      <c r="C125" s="10"/>
      <c r="D125" s="3"/>
      <c r="E125" s="8"/>
      <c r="F125" s="11"/>
      <c r="G125" s="10"/>
      <c r="H125" s="8"/>
      <c r="J125" s="9"/>
      <c r="K125" s="11"/>
    </row>
    <row r="126" spans="2:11" ht="21.75" customHeight="1" x14ac:dyDescent="0.15">
      <c r="B126" s="9"/>
      <c r="C126" s="10"/>
      <c r="D126" s="3"/>
      <c r="E126" s="8"/>
      <c r="F126" s="11"/>
      <c r="G126" s="10"/>
      <c r="H126" s="8"/>
      <c r="J126" s="9"/>
      <c r="K126" s="11"/>
    </row>
    <row r="127" spans="2:11" ht="21.75" customHeight="1" x14ac:dyDescent="0.15">
      <c r="B127" s="9"/>
      <c r="C127" s="12"/>
      <c r="D127" s="3"/>
      <c r="E127" s="8"/>
      <c r="F127" s="11"/>
      <c r="G127" s="12"/>
      <c r="H127" s="8"/>
      <c r="J127" s="9"/>
      <c r="K127" s="11"/>
    </row>
    <row r="128" spans="2:11" ht="21.75" customHeight="1" x14ac:dyDescent="0.15">
      <c r="B128" s="9"/>
      <c r="C128" s="10"/>
      <c r="D128" s="3"/>
      <c r="E128" s="8"/>
      <c r="F128" s="11"/>
      <c r="G128" s="10"/>
      <c r="H128" s="8"/>
      <c r="J128" s="9"/>
      <c r="K128" s="11"/>
    </row>
    <row r="129" spans="2:11" ht="21.75" customHeight="1" x14ac:dyDescent="0.15">
      <c r="B129" s="9"/>
      <c r="C129" s="12"/>
      <c r="D129" s="5"/>
      <c r="E129" s="8"/>
      <c r="F129" s="11"/>
      <c r="G129" s="12"/>
      <c r="H129" s="8"/>
      <c r="J129" s="9"/>
      <c r="K129" s="11"/>
    </row>
    <row r="130" spans="2:11" ht="21.75" customHeight="1" x14ac:dyDescent="0.15">
      <c r="B130" s="9"/>
      <c r="C130" s="10"/>
      <c r="D130" s="3"/>
      <c r="E130" s="8"/>
      <c r="F130" s="11"/>
      <c r="G130" s="10"/>
      <c r="H130" s="8"/>
      <c r="J130" s="9"/>
      <c r="K130" s="11"/>
    </row>
    <row r="131" spans="2:11" ht="9.75" customHeight="1" x14ac:dyDescent="0.15">
      <c r="B131" s="8"/>
      <c r="C131" s="13"/>
      <c r="D131" s="5"/>
      <c r="E131" s="8"/>
      <c r="F131" s="14"/>
      <c r="G131" s="5"/>
      <c r="H131" s="8"/>
      <c r="I131" s="15"/>
      <c r="J131" s="8"/>
      <c r="K131" s="16"/>
    </row>
    <row r="132" spans="2:11" x14ac:dyDescent="0.15">
      <c r="J132" s="2"/>
      <c r="K132" s="7" t="s">
        <v>21</v>
      </c>
    </row>
    <row r="141" spans="2:11" x14ac:dyDescent="0.15">
      <c r="I141" s="2"/>
      <c r="K141" s="2"/>
    </row>
    <row r="142" spans="2:11" x14ac:dyDescent="0.15">
      <c r="I142" s="2"/>
      <c r="K142" s="2"/>
    </row>
    <row r="143" spans="2:11" x14ac:dyDescent="0.15">
      <c r="I143" s="2"/>
      <c r="K143" s="2"/>
    </row>
    <row r="144" spans="2:11" x14ac:dyDescent="0.15">
      <c r="I144" s="2"/>
      <c r="K144" s="2"/>
    </row>
    <row r="145" spans="9:17" x14ac:dyDescent="0.15">
      <c r="I145" s="2"/>
      <c r="K145" s="2"/>
    </row>
    <row r="146" spans="9:17" x14ac:dyDescent="0.15">
      <c r="I146" s="2"/>
      <c r="K146" s="2"/>
      <c r="N146" s="3"/>
      <c r="Q146" s="3"/>
    </row>
    <row r="147" spans="9:17" x14ac:dyDescent="0.15">
      <c r="I147" s="2"/>
      <c r="K147" s="2"/>
    </row>
    <row r="148" spans="9:17" x14ac:dyDescent="0.15">
      <c r="I148" s="2"/>
      <c r="K148" s="2"/>
    </row>
    <row r="149" spans="9:17" x14ac:dyDescent="0.15">
      <c r="I149" s="2"/>
      <c r="K149" s="2"/>
    </row>
    <row r="150" spans="9:17" x14ac:dyDescent="0.15">
      <c r="I150" s="2"/>
      <c r="K150" s="2"/>
    </row>
    <row r="151" spans="9:17" x14ac:dyDescent="0.15">
      <c r="I151" s="2"/>
      <c r="K151" s="2"/>
    </row>
    <row r="152" spans="9:17" x14ac:dyDescent="0.15">
      <c r="I152" s="2"/>
      <c r="K152" s="2"/>
    </row>
    <row r="153" spans="9:17" x14ac:dyDescent="0.15">
      <c r="I153" s="2"/>
      <c r="K153" s="2"/>
    </row>
    <row r="154" spans="9:17" x14ac:dyDescent="0.15">
      <c r="I154" s="2"/>
      <c r="K154" s="2"/>
    </row>
    <row r="155" spans="9:17" x14ac:dyDescent="0.15">
      <c r="I155" s="2"/>
      <c r="K155" s="2"/>
    </row>
    <row r="156" spans="9:17" x14ac:dyDescent="0.15">
      <c r="I156" s="2"/>
      <c r="K156" s="2"/>
    </row>
    <row r="157" spans="9:17" x14ac:dyDescent="0.15">
      <c r="I157" s="2"/>
      <c r="K157" s="2"/>
    </row>
    <row r="158" spans="9:17" x14ac:dyDescent="0.15">
      <c r="I158" s="2"/>
      <c r="K158" s="2"/>
    </row>
    <row r="159" spans="9:17" x14ac:dyDescent="0.15">
      <c r="I159" s="2"/>
      <c r="K159" s="2"/>
    </row>
    <row r="160" spans="9:17" x14ac:dyDescent="0.15">
      <c r="I160" s="2"/>
      <c r="K160" s="2"/>
    </row>
    <row r="161" spans="9:11" x14ac:dyDescent="0.15">
      <c r="I161" s="2"/>
      <c r="K161" s="2"/>
    </row>
    <row r="162" spans="9:11" x14ac:dyDescent="0.15">
      <c r="I162" s="2"/>
      <c r="K162" s="2"/>
    </row>
    <row r="163" spans="9:11" x14ac:dyDescent="0.15">
      <c r="I163" s="2"/>
      <c r="K163" s="2"/>
    </row>
    <row r="164" spans="9:11" x14ac:dyDescent="0.15">
      <c r="I164" s="2"/>
      <c r="K164" s="2"/>
    </row>
    <row r="165" spans="9:11" x14ac:dyDescent="0.15">
      <c r="I165" s="2"/>
      <c r="K165" s="2"/>
    </row>
    <row r="166" spans="9:11" x14ac:dyDescent="0.15">
      <c r="I166" s="2"/>
      <c r="K166" s="2"/>
    </row>
    <row r="167" spans="9:11" x14ac:dyDescent="0.15">
      <c r="I167" s="2"/>
      <c r="K167" s="2"/>
    </row>
    <row r="168" spans="9:11" x14ac:dyDescent="0.15">
      <c r="I168" s="2"/>
      <c r="K168" s="2"/>
    </row>
    <row r="169" spans="9:11" x14ac:dyDescent="0.15">
      <c r="I169" s="2"/>
      <c r="K169" s="2"/>
    </row>
    <row r="170" spans="9:11" x14ac:dyDescent="0.15">
      <c r="I170" s="2"/>
      <c r="K170" s="2"/>
    </row>
    <row r="171" spans="9:11" x14ac:dyDescent="0.15">
      <c r="I171" s="2"/>
      <c r="K171" s="2"/>
    </row>
    <row r="172" spans="9:11" x14ac:dyDescent="0.15">
      <c r="I172" s="2"/>
      <c r="K172" s="2"/>
    </row>
    <row r="173" spans="9:11" x14ac:dyDescent="0.15">
      <c r="I173" s="2"/>
      <c r="K173" s="2"/>
    </row>
    <row r="174" spans="9:11" x14ac:dyDescent="0.15">
      <c r="I174" s="2"/>
      <c r="K174" s="2"/>
    </row>
    <row r="175" spans="9:11" x14ac:dyDescent="0.15">
      <c r="I175" s="2"/>
      <c r="K175" s="2"/>
    </row>
    <row r="176" spans="9:11" x14ac:dyDescent="0.15">
      <c r="I176" s="2"/>
      <c r="K176" s="2"/>
    </row>
    <row r="177" spans="9:17" x14ac:dyDescent="0.15">
      <c r="I177" s="2"/>
      <c r="K177" s="2"/>
    </row>
    <row r="178" spans="9:17" x14ac:dyDescent="0.15">
      <c r="I178" s="2"/>
      <c r="K178" s="2"/>
    </row>
    <row r="179" spans="9:17" x14ac:dyDescent="0.15">
      <c r="I179" s="2"/>
      <c r="K179" s="2"/>
    </row>
    <row r="180" spans="9:17" x14ac:dyDescent="0.15">
      <c r="I180" s="2"/>
      <c r="K180" s="2"/>
    </row>
    <row r="185" spans="9:17" x14ac:dyDescent="0.15">
      <c r="N185" s="3"/>
      <c r="Q185" s="3"/>
    </row>
    <row r="193" spans="9:11" x14ac:dyDescent="0.15">
      <c r="I193" s="2"/>
      <c r="K193" s="2"/>
    </row>
    <row r="194" spans="9:11" x14ac:dyDescent="0.15">
      <c r="I194" s="2"/>
      <c r="K194" s="2"/>
    </row>
    <row r="195" spans="9:11" x14ac:dyDescent="0.15">
      <c r="I195" s="2"/>
      <c r="K195" s="2"/>
    </row>
    <row r="196" spans="9:11" x14ac:dyDescent="0.15">
      <c r="I196" s="2"/>
      <c r="K196" s="2"/>
    </row>
    <row r="197" spans="9:11" x14ac:dyDescent="0.15">
      <c r="I197" s="2"/>
      <c r="K197" s="2"/>
    </row>
    <row r="198" spans="9:11" x14ac:dyDescent="0.15">
      <c r="I198" s="2"/>
      <c r="K198" s="2"/>
    </row>
    <row r="224" spans="14:17" x14ac:dyDescent="0.15">
      <c r="N224" s="3"/>
      <c r="Q224" s="3"/>
    </row>
    <row r="255" spans="15:16" x14ac:dyDescent="0.15">
      <c r="O255" s="3"/>
      <c r="P255" s="3"/>
    </row>
    <row r="288" spans="15:16" x14ac:dyDescent="0.15">
      <c r="O288" s="3"/>
      <c r="P288" s="3"/>
    </row>
    <row r="320" spans="15:16" x14ac:dyDescent="0.15">
      <c r="O320" s="3"/>
      <c r="P320" s="3"/>
    </row>
  </sheetData>
  <mergeCells count="33">
    <mergeCell ref="H100:K100"/>
    <mergeCell ref="H103:K103"/>
    <mergeCell ref="H104:K104"/>
    <mergeCell ref="H105:K105"/>
    <mergeCell ref="H106:K106"/>
    <mergeCell ref="B5:C5"/>
    <mergeCell ref="D5:E5"/>
    <mergeCell ref="H7:K7"/>
    <mergeCell ref="H8:K8"/>
    <mergeCell ref="H55:K55"/>
    <mergeCell ref="H53:K53"/>
    <mergeCell ref="H6:K6"/>
    <mergeCell ref="H9:K9"/>
    <mergeCell ref="H10:K10"/>
    <mergeCell ref="H11:K11"/>
    <mergeCell ref="H12:K12"/>
    <mergeCell ref="H13:K13"/>
    <mergeCell ref="A108:K108"/>
    <mergeCell ref="A14:K14"/>
    <mergeCell ref="A61:K61"/>
    <mergeCell ref="B52:C52"/>
    <mergeCell ref="D52:E52"/>
    <mergeCell ref="H54:K54"/>
    <mergeCell ref="B99:C99"/>
    <mergeCell ref="D99:E99"/>
    <mergeCell ref="H101:K101"/>
    <mergeCell ref="H102:K102"/>
    <mergeCell ref="H60:K60"/>
    <mergeCell ref="H56:K56"/>
    <mergeCell ref="H57:K57"/>
    <mergeCell ref="H58:K58"/>
    <mergeCell ref="H59:K59"/>
    <mergeCell ref="H107:K107"/>
  </mergeCells>
  <phoneticPr fontId="1"/>
  <pageMargins left="0.62" right="0.48" top="0.78" bottom="0.59055118110236227" header="0.51181102362204722" footer="0.73"/>
  <pageSetup paperSize="9" scale="94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様式３号の1(金賞)</vt:lpstr>
      <vt:lpstr>様式３号の２（銀賞）</vt:lpstr>
      <vt:lpstr>様式３号の３（顕彰）</vt:lpstr>
      <vt:lpstr>'様式３号の２（銀賞）'!Print_Area</vt:lpstr>
      <vt:lpstr>'様式３号の３（顕彰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波部　新</dc:creator>
  <cp:lastModifiedBy>笹城戸 直斗</cp:lastModifiedBy>
  <cp:lastPrinted>2026-06-23T07:59:24Z</cp:lastPrinted>
  <dcterms:created xsi:type="dcterms:W3CDTF">1999-12-01T03:47:38Z</dcterms:created>
  <dcterms:modified xsi:type="dcterms:W3CDTF">2026-06-23T07:59:52Z</dcterms:modified>
</cp:coreProperties>
</file>